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7 - 3. July 2, 2026 Processed Submissions\3_LCA-RDP Sheets\"/>
    </mc:Choice>
  </mc:AlternateContent>
  <xr:revisionPtr revIDLastSave="0" documentId="13_ncr:1_{7F33D95E-BC57-4A15-8E1C-E1A65F09278A}" xr6:coauthVersionLast="47" xr6:coauthVersionMax="47" xr10:uidLastSave="{00000000-0000-0000-0000-000000000000}"/>
  <bookViews>
    <workbookView xWindow="-120" yWindow="-120" windowWidth="29040" windowHeight="15720" xr2:uid="{C7AEA89C-2741-4882-B3C2-9BF3C746E98A}"/>
  </bookViews>
  <sheets>
    <sheet name="RDP Spreadsheet" sheetId="1" r:id="rId1"/>
  </sheets>
  <definedNames>
    <definedName name="_xlnm._FilterDatabase" localSheetId="0" hidden="1">'RDP Spreadsheet'!$B$1:$B$135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19" i="1" l="1"/>
</calcChain>
</file>

<file path=xl/sharedStrings.xml><?xml version="1.0" encoding="utf-8"?>
<sst xmlns="http://schemas.openxmlformats.org/spreadsheetml/2006/main" count="5851" uniqueCount="741">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JAMP-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NRA-PRAVASTATIN</t>
  </si>
  <si>
    <t>PMSC-RAMIPRIL</t>
  </si>
  <si>
    <t>TELMISARTAN-AMLODIPINE 40MG/5MG TAB</t>
  </si>
  <si>
    <t>RIVA-TELMISARTAN/AMLODIPINE</t>
  </si>
  <si>
    <t>TELMISARTAN-AMLODIPINE 40MG/10MG TAB</t>
  </si>
  <si>
    <t>TELMISARTAN-AMLODIPINE 80MG/5MG TAB</t>
  </si>
  <si>
    <t>APOTEX-TELMISARTAN AMLODIPINE</t>
  </si>
  <si>
    <t>TELMISARTAN-AMLODIPINE 80MG/10MG TAB</t>
  </si>
  <si>
    <t>LISINOPRIL TABLETS</t>
  </si>
  <si>
    <t>NOR</t>
  </si>
  <si>
    <t>RDP (Reference Drug Program) - Effective July 2, 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06">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164" fontId="20" fillId="0" borderId="0" xfId="0" applyNumberFormat="1" applyFont="1" applyAlignment="1">
      <alignment horizontal="right" vertical="center"/>
    </xf>
    <xf numFmtId="165" fontId="19" fillId="0" borderId="0" xfId="0" applyNumberFormat="1" applyFont="1"/>
    <xf numFmtId="49" fontId="19" fillId="0" borderId="0" xfId="0" applyNumberFormat="1" applyFont="1"/>
    <xf numFmtId="0" fontId="20" fillId="0" borderId="0" xfId="9" applyFont="1" applyAlignment="1">
      <alignment horizontal="left" wrapText="1"/>
    </xf>
    <xf numFmtId="2" fontId="7" fillId="3" borderId="0" xfId="2" applyNumberFormat="1" applyFont="1" applyFill="1" applyAlignment="1">
      <alignment horizontal="left" vertical="center" wrapText="1"/>
    </xf>
    <xf numFmtId="2" fontId="10" fillId="4" borderId="0" xfId="2" applyNumberFormat="1" applyFont="1" applyFill="1" applyAlignment="1">
      <alignment horizontal="left" vertical="center"/>
    </xf>
    <xf numFmtId="0" fontId="7" fillId="3" borderId="0" xfId="2" applyFont="1" applyFill="1" applyAlignment="1">
      <alignment horizontal="left" vertical="top" wrapText="1"/>
    </xf>
    <xf numFmtId="0" fontId="6" fillId="3" borderId="0" xfId="0" applyFont="1" applyFill="1" applyAlignment="1">
      <alignment horizontal="center" vertical="top"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308">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50"/>
  <sheetViews>
    <sheetView showGridLines="0" tabSelected="1" zoomScaleNormal="100" workbookViewId="0">
      <pane ySplit="5" topLeftCell="A1252" activePane="bottomLeft" state="frozen"/>
      <selection pane="bottomLeft" activeCell="E1282" sqref="E1282"/>
    </sheetView>
  </sheetViews>
  <sheetFormatPr defaultColWidth="8.7109375" defaultRowHeight="15"/>
  <cols>
    <col min="1" max="1" width="16.7109375" style="12" customWidth="1"/>
    <col min="2" max="2" width="12.7109375" style="164" customWidth="1"/>
    <col min="3" max="3" width="47.28515625" style="11" bestFit="1" customWidth="1"/>
    <col min="4" max="4" width="38.7109375" style="11" bestFit="1" customWidth="1"/>
    <col min="5" max="5" width="18.28515625" style="39" customWidth="1"/>
    <col min="6" max="6" width="21.7109375" style="11" customWidth="1"/>
    <col min="7" max="7" width="8.7109375" style="11" customWidth="1"/>
    <col min="8" max="16384" width="8.7109375" style="11"/>
  </cols>
  <sheetData>
    <row r="1" spans="1:6" ht="23.25">
      <c r="A1" s="28" t="s">
        <v>740</v>
      </c>
      <c r="B1" s="159"/>
      <c r="C1" s="24"/>
      <c r="D1" s="24"/>
      <c r="E1" s="30"/>
      <c r="F1" s="25"/>
    </row>
    <row r="2" spans="1:6" ht="26.65" customHeight="1">
      <c r="A2" s="1" t="s">
        <v>0</v>
      </c>
      <c r="B2" s="160" t="s">
        <v>1</v>
      </c>
      <c r="C2" s="2" t="s">
        <v>2</v>
      </c>
      <c r="D2" s="2" t="s">
        <v>3</v>
      </c>
      <c r="E2" s="31" t="s">
        <v>4</v>
      </c>
      <c r="F2" s="3" t="s">
        <v>5</v>
      </c>
    </row>
    <row r="3" spans="1:6" ht="20.100000000000001" customHeight="1">
      <c r="A3" s="125" t="s">
        <v>6</v>
      </c>
      <c r="B3" s="161" t="s">
        <v>7</v>
      </c>
      <c r="C3" s="4"/>
      <c r="D3" s="4"/>
      <c r="E3" s="32"/>
      <c r="F3" s="5"/>
    </row>
    <row r="4" spans="1:6" ht="20.100000000000001" customHeight="1">
      <c r="A4" s="126" t="s">
        <v>8</v>
      </c>
      <c r="B4" s="200" t="s">
        <v>9</v>
      </c>
      <c r="C4" s="200"/>
      <c r="D4" s="200"/>
      <c r="E4" s="200"/>
      <c r="F4" s="200"/>
    </row>
    <row r="5" spans="1:6" ht="20.100000000000001" customHeight="1">
      <c r="A5" s="127" t="s">
        <v>603</v>
      </c>
      <c r="B5" s="200" t="s">
        <v>604</v>
      </c>
      <c r="C5" s="200"/>
      <c r="D5" s="200"/>
      <c r="E5" s="200"/>
      <c r="F5" s="200"/>
    </row>
    <row r="6" spans="1:6">
      <c r="A6" s="201" t="s">
        <v>10</v>
      </c>
      <c r="B6" s="201"/>
      <c r="C6" s="201"/>
      <c r="D6" s="201"/>
      <c r="E6" s="201"/>
      <c r="F6" s="18" t="s">
        <v>11</v>
      </c>
    </row>
    <row r="7" spans="1:6">
      <c r="A7" s="201"/>
      <c r="B7" s="201"/>
      <c r="C7" s="201"/>
      <c r="D7" s="201"/>
      <c r="E7" s="201"/>
      <c r="F7" s="19" t="s">
        <v>12</v>
      </c>
    </row>
    <row r="8" spans="1:6" customFormat="1" ht="14.65" customHeight="1">
      <c r="A8" s="92" t="s">
        <v>13</v>
      </c>
      <c r="B8" s="135">
        <v>2283131</v>
      </c>
      <c r="C8" s="93" t="s">
        <v>14</v>
      </c>
      <c r="D8" s="93" t="s">
        <v>15</v>
      </c>
      <c r="E8" s="94" t="s">
        <v>714</v>
      </c>
      <c r="F8" s="96" t="s">
        <v>16</v>
      </c>
    </row>
    <row r="9" spans="1:6" customFormat="1" ht="14.65" customHeight="1">
      <c r="A9" s="92" t="s">
        <v>13</v>
      </c>
      <c r="B9" s="135">
        <v>2449439</v>
      </c>
      <c r="C9" s="93" t="s">
        <v>14</v>
      </c>
      <c r="D9" s="93" t="s">
        <v>619</v>
      </c>
      <c r="E9" s="94" t="s">
        <v>711</v>
      </c>
      <c r="F9" s="96" t="s">
        <v>16</v>
      </c>
    </row>
    <row r="10" spans="1:6" customFormat="1" ht="14.65" customHeight="1">
      <c r="A10" s="92"/>
      <c r="B10" s="135"/>
      <c r="C10" s="93"/>
      <c r="D10" s="93"/>
      <c r="E10" s="94"/>
      <c r="F10" s="95"/>
    </row>
    <row r="11" spans="1:6" customFormat="1" ht="14.65" customHeight="1">
      <c r="A11" s="92" t="s">
        <v>13</v>
      </c>
      <c r="B11" s="135">
        <v>2283158</v>
      </c>
      <c r="C11" s="93" t="s">
        <v>17</v>
      </c>
      <c r="D11" s="93" t="s">
        <v>15</v>
      </c>
      <c r="E11" s="94" t="s">
        <v>714</v>
      </c>
      <c r="F11" s="96" t="s">
        <v>16</v>
      </c>
    </row>
    <row r="12" spans="1:6" customFormat="1" ht="14.65" customHeight="1">
      <c r="A12" s="92" t="s">
        <v>13</v>
      </c>
      <c r="B12" s="135">
        <v>2449447</v>
      </c>
      <c r="C12" s="93" t="s">
        <v>17</v>
      </c>
      <c r="D12" s="93" t="s">
        <v>620</v>
      </c>
      <c r="E12" s="94" t="s">
        <v>711</v>
      </c>
      <c r="F12" s="96" t="s">
        <v>16</v>
      </c>
    </row>
    <row r="13" spans="1:6" customFormat="1" ht="14.65" customHeight="1">
      <c r="A13" s="92"/>
      <c r="B13" s="135"/>
      <c r="C13" s="93"/>
      <c r="D13" s="93"/>
      <c r="E13" s="94"/>
      <c r="F13" s="95"/>
    </row>
    <row r="14" spans="1:6" customFormat="1" ht="14.65" customHeight="1">
      <c r="A14" s="92" t="s">
        <v>13</v>
      </c>
      <c r="B14" s="135">
        <v>2283174</v>
      </c>
      <c r="C14" s="93" t="s">
        <v>20</v>
      </c>
      <c r="D14" s="93" t="s">
        <v>15</v>
      </c>
      <c r="E14" s="94" t="s">
        <v>714</v>
      </c>
      <c r="F14" s="96" t="s">
        <v>16</v>
      </c>
    </row>
    <row r="15" spans="1:6" customFormat="1" ht="14.65" customHeight="1">
      <c r="A15" s="92" t="s">
        <v>13</v>
      </c>
      <c r="B15" s="135">
        <v>2449463</v>
      </c>
      <c r="C15" s="93" t="s">
        <v>20</v>
      </c>
      <c r="D15" s="93" t="s">
        <v>619</v>
      </c>
      <c r="E15" s="94" t="s">
        <v>711</v>
      </c>
      <c r="F15" s="96" t="s">
        <v>16</v>
      </c>
    </row>
    <row r="16" spans="1:6" customFormat="1" ht="14.65" customHeight="1">
      <c r="A16" s="97"/>
      <c r="B16" s="136"/>
      <c r="C16" s="98"/>
      <c r="D16" s="98"/>
      <c r="E16" s="99"/>
      <c r="F16" s="95"/>
    </row>
    <row r="17" spans="1:6" customFormat="1" ht="14.65" customHeight="1">
      <c r="A17" s="92" t="s">
        <v>13</v>
      </c>
      <c r="B17" s="135">
        <v>2283166</v>
      </c>
      <c r="C17" s="93" t="s">
        <v>19</v>
      </c>
      <c r="D17" s="93" t="s">
        <v>15</v>
      </c>
      <c r="E17" s="94" t="s">
        <v>714</v>
      </c>
      <c r="F17" s="96" t="s">
        <v>16</v>
      </c>
    </row>
    <row r="18" spans="1:6" customFormat="1" ht="14.65" customHeight="1">
      <c r="A18" s="92" t="s">
        <v>13</v>
      </c>
      <c r="B18" s="135">
        <v>2342154</v>
      </c>
      <c r="C18" s="93" t="s">
        <v>19</v>
      </c>
      <c r="D18" s="93" t="s">
        <v>18</v>
      </c>
      <c r="E18" s="94" t="s">
        <v>709</v>
      </c>
      <c r="F18" s="96" t="s">
        <v>16</v>
      </c>
    </row>
    <row r="19" spans="1:6" customFormat="1" ht="14.65" customHeight="1">
      <c r="A19" s="92" t="s">
        <v>13</v>
      </c>
      <c r="B19" s="135">
        <v>2449455</v>
      </c>
      <c r="C19" s="93" t="s">
        <v>19</v>
      </c>
      <c r="D19" s="93" t="s">
        <v>620</v>
      </c>
      <c r="E19" s="94" t="s">
        <v>711</v>
      </c>
      <c r="F19" s="96" t="s">
        <v>16</v>
      </c>
    </row>
    <row r="20" spans="1:6" customFormat="1" ht="14.65" customHeight="1">
      <c r="A20" s="92"/>
      <c r="B20" s="135"/>
      <c r="C20" s="93"/>
      <c r="D20" s="93"/>
      <c r="E20" s="94"/>
      <c r="F20" s="95"/>
    </row>
    <row r="21" spans="1:6" customFormat="1" ht="14.65" customHeight="1">
      <c r="A21" s="92" t="s">
        <v>13</v>
      </c>
      <c r="B21" s="135">
        <v>2283182</v>
      </c>
      <c r="C21" s="93" t="s">
        <v>21</v>
      </c>
      <c r="D21" s="93" t="s">
        <v>15</v>
      </c>
      <c r="E21" s="94" t="s">
        <v>714</v>
      </c>
      <c r="F21" s="96" t="s">
        <v>16</v>
      </c>
    </row>
    <row r="22" spans="1:6" customFormat="1" ht="14.65" customHeight="1">
      <c r="A22" s="92" t="s">
        <v>13</v>
      </c>
      <c r="B22" s="135">
        <v>2342170</v>
      </c>
      <c r="C22" s="93" t="s">
        <v>21</v>
      </c>
      <c r="D22" s="93" t="s">
        <v>18</v>
      </c>
      <c r="E22" s="94" t="s">
        <v>709</v>
      </c>
      <c r="F22" s="96" t="s">
        <v>16</v>
      </c>
    </row>
    <row r="23" spans="1:6" customFormat="1" ht="14.65" customHeight="1">
      <c r="A23" s="92" t="s">
        <v>13</v>
      </c>
      <c r="B23" s="135">
        <v>2449471</v>
      </c>
      <c r="C23" s="93" t="s">
        <v>21</v>
      </c>
      <c r="D23" s="93" t="s">
        <v>620</v>
      </c>
      <c r="E23" s="94" t="s">
        <v>711</v>
      </c>
      <c r="F23" s="96" t="s">
        <v>16</v>
      </c>
    </row>
    <row r="24" spans="1:6" customFormat="1" ht="14.65" customHeight="1">
      <c r="A24" s="97"/>
      <c r="B24" s="136"/>
      <c r="C24" s="98"/>
      <c r="D24" s="98"/>
      <c r="E24" s="99"/>
      <c r="F24" s="95"/>
    </row>
    <row r="25" spans="1:6" customFormat="1" ht="14.65" customHeight="1">
      <c r="A25" s="92" t="s">
        <v>13</v>
      </c>
      <c r="B25" s="135">
        <v>2221829</v>
      </c>
      <c r="C25" s="93" t="s">
        <v>22</v>
      </c>
      <c r="D25" s="93" t="s">
        <v>23</v>
      </c>
      <c r="E25" s="94" t="s">
        <v>714</v>
      </c>
      <c r="F25" s="96" t="s">
        <v>16</v>
      </c>
    </row>
    <row r="26" spans="1:6" customFormat="1" ht="14.65" customHeight="1">
      <c r="A26" s="92" t="s">
        <v>13</v>
      </c>
      <c r="B26" s="135">
        <v>2251515</v>
      </c>
      <c r="C26" s="93" t="s">
        <v>22</v>
      </c>
      <c r="D26" s="93" t="s">
        <v>24</v>
      </c>
      <c r="E26" s="94" t="s">
        <v>683</v>
      </c>
      <c r="F26" s="96" t="s">
        <v>16</v>
      </c>
    </row>
    <row r="27" spans="1:6" customFormat="1" ht="14.65" customHeight="1">
      <c r="A27" s="92" t="s">
        <v>13</v>
      </c>
      <c r="B27" s="135">
        <v>2310503</v>
      </c>
      <c r="C27" s="93" t="s">
        <v>22</v>
      </c>
      <c r="D27" s="93" t="s">
        <v>618</v>
      </c>
      <c r="E27" s="94" t="s">
        <v>711</v>
      </c>
      <c r="F27" s="96" t="s">
        <v>16</v>
      </c>
    </row>
    <row r="28" spans="1:6" customFormat="1" ht="14.65" customHeight="1">
      <c r="A28" s="92" t="s">
        <v>13</v>
      </c>
      <c r="B28" s="135">
        <v>2387387</v>
      </c>
      <c r="C28" s="93" t="s">
        <v>22</v>
      </c>
      <c r="D28" s="93" t="s">
        <v>25</v>
      </c>
      <c r="E28" s="94" t="s">
        <v>686</v>
      </c>
      <c r="F28" s="96" t="s">
        <v>16</v>
      </c>
    </row>
    <row r="29" spans="1:6" customFormat="1" ht="14.65" customHeight="1">
      <c r="A29" s="92" t="s">
        <v>13</v>
      </c>
      <c r="B29" s="135">
        <v>2420457</v>
      </c>
      <c r="C29" s="93" t="s">
        <v>22</v>
      </c>
      <c r="D29" s="93" t="s">
        <v>26</v>
      </c>
      <c r="E29" s="94" t="s">
        <v>699</v>
      </c>
      <c r="F29" s="96" t="s">
        <v>16</v>
      </c>
    </row>
    <row r="30" spans="1:6" customFormat="1" ht="14.65" customHeight="1">
      <c r="A30" s="92" t="s">
        <v>13</v>
      </c>
      <c r="B30" s="135">
        <v>2310023</v>
      </c>
      <c r="C30" s="93" t="s">
        <v>22</v>
      </c>
      <c r="D30" s="93" t="s">
        <v>27</v>
      </c>
      <c r="E30" s="100" t="s">
        <v>710</v>
      </c>
      <c r="F30" s="96" t="s">
        <v>16</v>
      </c>
    </row>
    <row r="31" spans="1:6" customFormat="1" ht="14.65" customHeight="1">
      <c r="A31" s="92" t="s">
        <v>13</v>
      </c>
      <c r="B31" s="135">
        <v>2308363</v>
      </c>
      <c r="C31" s="93" t="s">
        <v>22</v>
      </c>
      <c r="D31" s="93" t="s">
        <v>28</v>
      </c>
      <c r="E31" s="100" t="s">
        <v>717</v>
      </c>
      <c r="F31" s="96" t="s">
        <v>16</v>
      </c>
    </row>
    <row r="32" spans="1:6" customFormat="1" ht="14.65" customHeight="1">
      <c r="A32" s="92" t="s">
        <v>13</v>
      </c>
      <c r="B32" s="135">
        <v>2469057</v>
      </c>
      <c r="C32" s="93" t="s">
        <v>22</v>
      </c>
      <c r="D32" s="93" t="s">
        <v>29</v>
      </c>
      <c r="E32" s="100" t="s">
        <v>709</v>
      </c>
      <c r="F32" s="96" t="s">
        <v>16</v>
      </c>
    </row>
    <row r="33" spans="1:7" customFormat="1" ht="14.65" customHeight="1">
      <c r="A33" s="104" t="s">
        <v>13</v>
      </c>
      <c r="B33" s="142">
        <v>2550202</v>
      </c>
      <c r="C33" s="122" t="s">
        <v>22</v>
      </c>
      <c r="D33" s="122" t="s">
        <v>731</v>
      </c>
      <c r="E33" s="114" t="s">
        <v>709</v>
      </c>
      <c r="F33" s="106" t="s">
        <v>16</v>
      </c>
      <c r="G33" s="185"/>
    </row>
    <row r="34" spans="1:7" customFormat="1" ht="14.65" customHeight="1">
      <c r="A34" s="92"/>
      <c r="B34" s="135"/>
      <c r="C34" s="93"/>
      <c r="D34" s="93"/>
      <c r="E34" s="94"/>
      <c r="F34" s="95"/>
    </row>
    <row r="35" spans="1:7" customFormat="1" ht="14.65" customHeight="1">
      <c r="A35" s="92" t="s">
        <v>13</v>
      </c>
      <c r="B35" s="135">
        <v>2221837</v>
      </c>
      <c r="C35" s="93" t="s">
        <v>38</v>
      </c>
      <c r="D35" s="93" t="s">
        <v>23</v>
      </c>
      <c r="E35" s="94" t="s">
        <v>714</v>
      </c>
      <c r="F35" s="96" t="s">
        <v>16</v>
      </c>
    </row>
    <row r="36" spans="1:7" customFormat="1" ht="14.65" customHeight="1">
      <c r="A36" s="92" t="s">
        <v>13</v>
      </c>
      <c r="B36" s="135">
        <v>2247945</v>
      </c>
      <c r="C36" s="93" t="s">
        <v>38</v>
      </c>
      <c r="D36" s="93" t="s">
        <v>31</v>
      </c>
      <c r="E36" s="94" t="s">
        <v>719</v>
      </c>
      <c r="F36" s="96" t="s">
        <v>16</v>
      </c>
    </row>
    <row r="37" spans="1:7" customFormat="1" ht="14.65" customHeight="1">
      <c r="A37" s="92" t="s">
        <v>13</v>
      </c>
      <c r="B37" s="135">
        <v>2251531</v>
      </c>
      <c r="C37" s="93" t="s">
        <v>38</v>
      </c>
      <c r="D37" s="93" t="s">
        <v>24</v>
      </c>
      <c r="E37" s="94" t="s">
        <v>683</v>
      </c>
      <c r="F37" s="96" t="s">
        <v>16</v>
      </c>
    </row>
    <row r="38" spans="1:7" customFormat="1" ht="14.65" customHeight="1">
      <c r="A38" s="92" t="s">
        <v>13</v>
      </c>
      <c r="B38" s="135">
        <v>2287927</v>
      </c>
      <c r="C38" s="93" t="s">
        <v>38</v>
      </c>
      <c r="D38" s="93" t="s">
        <v>32</v>
      </c>
      <c r="E38" s="94" t="s">
        <v>717</v>
      </c>
      <c r="F38" s="96" t="s">
        <v>16</v>
      </c>
    </row>
    <row r="39" spans="1:7" customFormat="1" ht="14.65" customHeight="1">
      <c r="A39" s="92" t="s">
        <v>13</v>
      </c>
      <c r="B39" s="135">
        <v>2310511</v>
      </c>
      <c r="C39" s="93" t="s">
        <v>38</v>
      </c>
      <c r="D39" s="93" t="s">
        <v>618</v>
      </c>
      <c r="E39" s="94" t="s">
        <v>711</v>
      </c>
      <c r="F39" s="96" t="s">
        <v>16</v>
      </c>
    </row>
    <row r="40" spans="1:7" customFormat="1" ht="14.65" customHeight="1">
      <c r="A40" s="92" t="s">
        <v>13</v>
      </c>
      <c r="B40" s="135">
        <v>2331128</v>
      </c>
      <c r="C40" s="93" t="s">
        <v>38</v>
      </c>
      <c r="D40" s="93" t="s">
        <v>33</v>
      </c>
      <c r="E40" s="94" t="s">
        <v>695</v>
      </c>
      <c r="F40" s="96" t="s">
        <v>16</v>
      </c>
    </row>
    <row r="41" spans="1:7" customFormat="1" ht="14.65" customHeight="1">
      <c r="A41" s="92" t="s">
        <v>13</v>
      </c>
      <c r="B41" s="135">
        <v>2374846</v>
      </c>
      <c r="C41" s="93" t="s">
        <v>38</v>
      </c>
      <c r="D41" s="93" t="s">
        <v>32</v>
      </c>
      <c r="E41" s="94" t="s">
        <v>713</v>
      </c>
      <c r="F41" s="96" t="s">
        <v>16</v>
      </c>
    </row>
    <row r="42" spans="1:7" customFormat="1" ht="14.65" customHeight="1">
      <c r="A42" s="92" t="s">
        <v>13</v>
      </c>
      <c r="B42" s="135">
        <v>2387395</v>
      </c>
      <c r="C42" s="93" t="s">
        <v>38</v>
      </c>
      <c r="D42" s="93" t="s">
        <v>25</v>
      </c>
      <c r="E42" s="94" t="s">
        <v>686</v>
      </c>
      <c r="F42" s="96" t="s">
        <v>16</v>
      </c>
    </row>
    <row r="43" spans="1:7" customFormat="1" ht="14.65" customHeight="1">
      <c r="A43" s="92" t="s">
        <v>13</v>
      </c>
      <c r="B43" s="135">
        <v>2411563</v>
      </c>
      <c r="C43" s="93" t="s">
        <v>38</v>
      </c>
      <c r="D43" s="93" t="s">
        <v>39</v>
      </c>
      <c r="E43" s="94" t="s">
        <v>717</v>
      </c>
      <c r="F43" s="96" t="s">
        <v>16</v>
      </c>
    </row>
    <row r="44" spans="1:7" customFormat="1" ht="14.65" customHeight="1">
      <c r="A44" s="92" t="s">
        <v>13</v>
      </c>
      <c r="B44" s="135">
        <v>2420465</v>
      </c>
      <c r="C44" s="93" t="s">
        <v>38</v>
      </c>
      <c r="D44" s="93" t="s">
        <v>40</v>
      </c>
      <c r="E44" s="94" t="s">
        <v>699</v>
      </c>
      <c r="F44" s="96" t="s">
        <v>16</v>
      </c>
    </row>
    <row r="45" spans="1:7" customFormat="1" ht="14.65" customHeight="1">
      <c r="A45" s="92" t="s">
        <v>13</v>
      </c>
      <c r="B45" s="135">
        <v>2421305</v>
      </c>
      <c r="C45" s="93" t="s">
        <v>38</v>
      </c>
      <c r="D45" s="93" t="s">
        <v>36</v>
      </c>
      <c r="E45" s="94" t="s">
        <v>701</v>
      </c>
      <c r="F45" s="96" t="s">
        <v>16</v>
      </c>
    </row>
    <row r="46" spans="1:7" customFormat="1" ht="14.65" customHeight="1">
      <c r="A46" s="92" t="s">
        <v>13</v>
      </c>
      <c r="B46" s="137">
        <v>2310066</v>
      </c>
      <c r="C46" s="101" t="s">
        <v>38</v>
      </c>
      <c r="D46" s="101" t="s">
        <v>41</v>
      </c>
      <c r="E46" s="102" t="s">
        <v>710</v>
      </c>
      <c r="F46" s="103" t="s">
        <v>16</v>
      </c>
    </row>
    <row r="47" spans="1:7" customFormat="1" ht="14.65" customHeight="1">
      <c r="A47" s="92" t="s">
        <v>13</v>
      </c>
      <c r="B47" s="137">
        <v>2469065</v>
      </c>
      <c r="C47" s="101" t="s">
        <v>38</v>
      </c>
      <c r="D47" s="93" t="s">
        <v>29</v>
      </c>
      <c r="E47" s="100" t="s">
        <v>709</v>
      </c>
      <c r="F47" s="96" t="s">
        <v>16</v>
      </c>
    </row>
    <row r="48" spans="1:7" customFormat="1" ht="14.65" customHeight="1">
      <c r="A48" s="104" t="s">
        <v>13</v>
      </c>
      <c r="B48" s="136">
        <v>2486172</v>
      </c>
      <c r="C48" s="95" t="s">
        <v>38</v>
      </c>
      <c r="D48" s="98" t="s">
        <v>635</v>
      </c>
      <c r="E48" s="105" t="s">
        <v>703</v>
      </c>
      <c r="F48" s="106" t="s">
        <v>16</v>
      </c>
    </row>
    <row r="49" spans="1:7" customFormat="1" ht="14.65" customHeight="1">
      <c r="A49" s="104" t="s">
        <v>13</v>
      </c>
      <c r="B49" s="142">
        <v>2550210</v>
      </c>
      <c r="C49" s="122" t="s">
        <v>38</v>
      </c>
      <c r="D49" s="122" t="s">
        <v>731</v>
      </c>
      <c r="E49" s="114" t="s">
        <v>703</v>
      </c>
      <c r="F49" s="106" t="s">
        <v>16</v>
      </c>
      <c r="G49" s="185"/>
    </row>
    <row r="50" spans="1:7" customFormat="1" ht="14.65" customHeight="1">
      <c r="A50" s="92"/>
      <c r="B50" s="135"/>
      <c r="C50" s="93"/>
      <c r="D50" s="93"/>
      <c r="E50" s="94"/>
      <c r="F50" s="95"/>
    </row>
    <row r="51" spans="1:7" customFormat="1" ht="14.65" customHeight="1">
      <c r="A51" s="92" t="s">
        <v>13</v>
      </c>
      <c r="B51" s="135">
        <v>2221845</v>
      </c>
      <c r="C51" s="93" t="s">
        <v>42</v>
      </c>
      <c r="D51" s="93" t="s">
        <v>23</v>
      </c>
      <c r="E51" s="94" t="s">
        <v>714</v>
      </c>
      <c r="F51" s="96" t="s">
        <v>16</v>
      </c>
    </row>
    <row r="52" spans="1:7" customFormat="1" ht="14.65" customHeight="1">
      <c r="A52" s="92" t="s">
        <v>13</v>
      </c>
      <c r="B52" s="135">
        <v>2247946</v>
      </c>
      <c r="C52" s="93" t="s">
        <v>42</v>
      </c>
      <c r="D52" s="93" t="s">
        <v>31</v>
      </c>
      <c r="E52" s="94" t="s">
        <v>719</v>
      </c>
      <c r="F52" s="96" t="s">
        <v>16</v>
      </c>
    </row>
    <row r="53" spans="1:7" customFormat="1" ht="14.65" customHeight="1">
      <c r="A53" s="92" t="s">
        <v>13</v>
      </c>
      <c r="B53" s="135">
        <v>2251574</v>
      </c>
      <c r="C53" s="93" t="s">
        <v>42</v>
      </c>
      <c r="D53" s="93" t="s">
        <v>24</v>
      </c>
      <c r="E53" s="94" t="s">
        <v>683</v>
      </c>
      <c r="F53" s="96" t="s">
        <v>16</v>
      </c>
    </row>
    <row r="54" spans="1:7" customFormat="1" ht="14.65" customHeight="1">
      <c r="A54" s="92" t="s">
        <v>13</v>
      </c>
      <c r="B54" s="135">
        <v>2287935</v>
      </c>
      <c r="C54" s="93" t="s">
        <v>42</v>
      </c>
      <c r="D54" s="93" t="s">
        <v>32</v>
      </c>
      <c r="E54" s="94" t="s">
        <v>717</v>
      </c>
      <c r="F54" s="96" t="s">
        <v>16</v>
      </c>
    </row>
    <row r="55" spans="1:7" customFormat="1" ht="14.65" customHeight="1">
      <c r="A55" s="92" t="s">
        <v>13</v>
      </c>
      <c r="B55" s="135">
        <v>2310538</v>
      </c>
      <c r="C55" s="93" t="s">
        <v>42</v>
      </c>
      <c r="D55" s="93" t="s">
        <v>618</v>
      </c>
      <c r="E55" s="94" t="s">
        <v>711</v>
      </c>
      <c r="F55" s="96" t="s">
        <v>16</v>
      </c>
    </row>
    <row r="56" spans="1:7" customFormat="1" ht="14.65" customHeight="1">
      <c r="A56" s="92" t="s">
        <v>13</v>
      </c>
      <c r="B56" s="135">
        <v>2331136</v>
      </c>
      <c r="C56" s="93" t="s">
        <v>42</v>
      </c>
      <c r="D56" s="93" t="s">
        <v>33</v>
      </c>
      <c r="E56" s="94" t="s">
        <v>695</v>
      </c>
      <c r="F56" s="96" t="s">
        <v>16</v>
      </c>
    </row>
    <row r="57" spans="1:7" customFormat="1" ht="14.65" customHeight="1">
      <c r="A57" s="92" t="s">
        <v>13</v>
      </c>
      <c r="B57" s="135">
        <v>2374854</v>
      </c>
      <c r="C57" s="93" t="s">
        <v>42</v>
      </c>
      <c r="D57" s="93" t="s">
        <v>32</v>
      </c>
      <c r="E57" s="94" t="s">
        <v>713</v>
      </c>
      <c r="F57" s="96" t="s">
        <v>16</v>
      </c>
    </row>
    <row r="58" spans="1:7" customFormat="1" ht="14.65" customHeight="1">
      <c r="A58" s="92" t="s">
        <v>13</v>
      </c>
      <c r="B58" s="135">
        <v>2387409</v>
      </c>
      <c r="C58" s="93" t="s">
        <v>42</v>
      </c>
      <c r="D58" s="93" t="s">
        <v>25</v>
      </c>
      <c r="E58" s="94" t="s">
        <v>686</v>
      </c>
      <c r="F58" s="96" t="s">
        <v>16</v>
      </c>
    </row>
    <row r="59" spans="1:7" customFormat="1" ht="14.65" customHeight="1">
      <c r="A59" s="92" t="s">
        <v>13</v>
      </c>
      <c r="B59" s="135">
        <v>2411571</v>
      </c>
      <c r="C59" s="93" t="s">
        <v>42</v>
      </c>
      <c r="D59" s="93" t="s">
        <v>43</v>
      </c>
      <c r="E59" s="94" t="s">
        <v>717</v>
      </c>
      <c r="F59" s="96" t="s">
        <v>16</v>
      </c>
    </row>
    <row r="60" spans="1:7" customFormat="1" ht="14.65" customHeight="1">
      <c r="A60" s="92" t="s">
        <v>13</v>
      </c>
      <c r="B60" s="135">
        <v>2420473</v>
      </c>
      <c r="C60" s="93" t="s">
        <v>42</v>
      </c>
      <c r="D60" s="93" t="s">
        <v>44</v>
      </c>
      <c r="E60" s="94" t="s">
        <v>699</v>
      </c>
      <c r="F60" s="96" t="s">
        <v>16</v>
      </c>
    </row>
    <row r="61" spans="1:7" customFormat="1" ht="14.65" customHeight="1">
      <c r="A61" s="92" t="s">
        <v>13</v>
      </c>
      <c r="B61" s="135">
        <v>2421313</v>
      </c>
      <c r="C61" s="93" t="s">
        <v>42</v>
      </c>
      <c r="D61" s="93" t="s">
        <v>36</v>
      </c>
      <c r="E61" s="94" t="s">
        <v>701</v>
      </c>
      <c r="F61" s="96" t="s">
        <v>16</v>
      </c>
    </row>
    <row r="62" spans="1:7" customFormat="1" ht="14.65" customHeight="1">
      <c r="A62" s="92" t="s">
        <v>13</v>
      </c>
      <c r="B62" s="137">
        <v>2310074</v>
      </c>
      <c r="C62" s="101" t="s">
        <v>42</v>
      </c>
      <c r="D62" s="101" t="s">
        <v>45</v>
      </c>
      <c r="E62" s="102" t="s">
        <v>710</v>
      </c>
      <c r="F62" s="103" t="s">
        <v>16</v>
      </c>
    </row>
    <row r="63" spans="1:7" customFormat="1" ht="14.65" customHeight="1">
      <c r="A63" s="92" t="s">
        <v>13</v>
      </c>
      <c r="B63" s="137">
        <v>2469073</v>
      </c>
      <c r="C63" s="101" t="s">
        <v>42</v>
      </c>
      <c r="D63" s="93" t="s">
        <v>29</v>
      </c>
      <c r="E63" s="100" t="s">
        <v>709</v>
      </c>
      <c r="F63" s="96" t="s">
        <v>16</v>
      </c>
    </row>
    <row r="64" spans="1:7" customFormat="1" ht="14.65" customHeight="1">
      <c r="A64" s="104" t="s">
        <v>13</v>
      </c>
      <c r="B64" s="136">
        <v>2486180</v>
      </c>
      <c r="C64" s="95" t="s">
        <v>42</v>
      </c>
      <c r="D64" s="98" t="s">
        <v>635</v>
      </c>
      <c r="E64" s="105" t="s">
        <v>703</v>
      </c>
      <c r="F64" s="106" t="s">
        <v>16</v>
      </c>
    </row>
    <row r="65" spans="1:7" customFormat="1" ht="14.65" customHeight="1">
      <c r="A65" s="104" t="s">
        <v>13</v>
      </c>
      <c r="B65" s="142">
        <v>2550229</v>
      </c>
      <c r="C65" s="122" t="s">
        <v>42</v>
      </c>
      <c r="D65" s="122" t="s">
        <v>731</v>
      </c>
      <c r="E65" s="114" t="s">
        <v>703</v>
      </c>
      <c r="F65" s="106" t="s">
        <v>16</v>
      </c>
      <c r="G65" s="185"/>
    </row>
    <row r="66" spans="1:7" customFormat="1" ht="14.65" customHeight="1">
      <c r="A66" s="92"/>
      <c r="B66" s="137"/>
      <c r="C66" s="101"/>
      <c r="D66" s="93"/>
      <c r="E66" s="100"/>
      <c r="F66" s="96"/>
    </row>
    <row r="67" spans="1:7" customFormat="1" ht="14.65" customHeight="1">
      <c r="A67" s="92" t="s">
        <v>13</v>
      </c>
      <c r="B67" s="135">
        <v>2221853</v>
      </c>
      <c r="C67" s="93" t="s">
        <v>30</v>
      </c>
      <c r="D67" s="93" t="s">
        <v>23</v>
      </c>
      <c r="E67" s="94" t="s">
        <v>714</v>
      </c>
      <c r="F67" s="96" t="s">
        <v>16</v>
      </c>
    </row>
    <row r="68" spans="1:7" customFormat="1" ht="14.65" customHeight="1">
      <c r="A68" s="92" t="s">
        <v>13</v>
      </c>
      <c r="B68" s="135">
        <v>2247947</v>
      </c>
      <c r="C68" s="93" t="s">
        <v>30</v>
      </c>
      <c r="D68" s="93" t="s">
        <v>31</v>
      </c>
      <c r="E68" s="94" t="s">
        <v>719</v>
      </c>
      <c r="F68" s="96" t="s">
        <v>16</v>
      </c>
    </row>
    <row r="69" spans="1:7" customFormat="1" ht="14.65" customHeight="1">
      <c r="A69" s="92" t="s">
        <v>13</v>
      </c>
      <c r="B69" s="135">
        <v>2251582</v>
      </c>
      <c r="C69" s="93" t="s">
        <v>30</v>
      </c>
      <c r="D69" s="93" t="s">
        <v>24</v>
      </c>
      <c r="E69" s="94" t="s">
        <v>683</v>
      </c>
      <c r="F69" s="96" t="s">
        <v>16</v>
      </c>
    </row>
    <row r="70" spans="1:7" customFormat="1" ht="14.65" customHeight="1">
      <c r="A70" s="92" t="s">
        <v>13</v>
      </c>
      <c r="B70" s="135">
        <v>2287943</v>
      </c>
      <c r="C70" s="93" t="s">
        <v>30</v>
      </c>
      <c r="D70" s="93" t="s">
        <v>32</v>
      </c>
      <c r="E70" s="94" t="s">
        <v>717</v>
      </c>
      <c r="F70" s="96" t="s">
        <v>16</v>
      </c>
    </row>
    <row r="71" spans="1:7" customFormat="1" ht="14.65" customHeight="1">
      <c r="A71" s="92" t="s">
        <v>13</v>
      </c>
      <c r="B71" s="135">
        <v>2310546</v>
      </c>
      <c r="C71" s="93" t="s">
        <v>30</v>
      </c>
      <c r="D71" s="93" t="s">
        <v>618</v>
      </c>
      <c r="E71" s="94" t="s">
        <v>711</v>
      </c>
      <c r="F71" s="96" t="s">
        <v>16</v>
      </c>
    </row>
    <row r="72" spans="1:7" customFormat="1" ht="14.65" customHeight="1">
      <c r="A72" s="92" t="s">
        <v>13</v>
      </c>
      <c r="B72" s="135">
        <v>2331144</v>
      </c>
      <c r="C72" s="93" t="s">
        <v>30</v>
      </c>
      <c r="D72" s="93" t="s">
        <v>33</v>
      </c>
      <c r="E72" s="94" t="s">
        <v>695</v>
      </c>
      <c r="F72" s="96" t="s">
        <v>16</v>
      </c>
    </row>
    <row r="73" spans="1:7" customFormat="1" ht="14.65" customHeight="1">
      <c r="A73" s="92" t="s">
        <v>13</v>
      </c>
      <c r="B73" s="135">
        <v>2374862</v>
      </c>
      <c r="C73" s="93" t="s">
        <v>30</v>
      </c>
      <c r="D73" s="93" t="s">
        <v>32</v>
      </c>
      <c r="E73" s="94" t="s">
        <v>713</v>
      </c>
      <c r="F73" s="96" t="s">
        <v>16</v>
      </c>
    </row>
    <row r="74" spans="1:7" customFormat="1" ht="14.65" customHeight="1">
      <c r="A74" s="92" t="s">
        <v>13</v>
      </c>
      <c r="B74" s="135">
        <v>2387417</v>
      </c>
      <c r="C74" s="93" t="s">
        <v>30</v>
      </c>
      <c r="D74" s="93" t="s">
        <v>25</v>
      </c>
      <c r="E74" s="94" t="s">
        <v>686</v>
      </c>
      <c r="F74" s="96" t="s">
        <v>16</v>
      </c>
    </row>
    <row r="75" spans="1:7" customFormat="1" ht="14.65" customHeight="1">
      <c r="A75" s="92" t="s">
        <v>13</v>
      </c>
      <c r="B75" s="135">
        <v>2411598</v>
      </c>
      <c r="C75" s="93" t="s">
        <v>30</v>
      </c>
      <c r="D75" s="93" t="s">
        <v>34</v>
      </c>
      <c r="E75" s="94" t="s">
        <v>717</v>
      </c>
      <c r="F75" s="96" t="s">
        <v>16</v>
      </c>
    </row>
    <row r="76" spans="1:7" customFormat="1" ht="14.65" customHeight="1">
      <c r="A76" s="92" t="s">
        <v>13</v>
      </c>
      <c r="B76" s="135">
        <v>2420481</v>
      </c>
      <c r="C76" s="93" t="s">
        <v>30</v>
      </c>
      <c r="D76" s="93" t="s">
        <v>35</v>
      </c>
      <c r="E76" s="94" t="s">
        <v>699</v>
      </c>
      <c r="F76" s="96" t="s">
        <v>16</v>
      </c>
    </row>
    <row r="77" spans="1:7" customFormat="1" ht="14.65" customHeight="1">
      <c r="A77" s="92" t="s">
        <v>13</v>
      </c>
      <c r="B77" s="135">
        <v>2421321</v>
      </c>
      <c r="C77" s="93" t="s">
        <v>30</v>
      </c>
      <c r="D77" s="93" t="s">
        <v>36</v>
      </c>
      <c r="E77" s="94" t="s">
        <v>701</v>
      </c>
      <c r="F77" s="96" t="s">
        <v>16</v>
      </c>
    </row>
    <row r="78" spans="1:7" customFormat="1" ht="14.65" customHeight="1">
      <c r="A78" s="92" t="s">
        <v>13</v>
      </c>
      <c r="B78" s="137">
        <v>2310104</v>
      </c>
      <c r="C78" s="101" t="s">
        <v>30</v>
      </c>
      <c r="D78" s="101" t="s">
        <v>37</v>
      </c>
      <c r="E78" s="102" t="s">
        <v>710</v>
      </c>
      <c r="F78" s="103" t="s">
        <v>16</v>
      </c>
    </row>
    <row r="79" spans="1:7" customFormat="1" ht="14.65" customHeight="1">
      <c r="A79" s="92" t="s">
        <v>13</v>
      </c>
      <c r="B79" s="137">
        <v>2469081</v>
      </c>
      <c r="C79" s="101" t="s">
        <v>30</v>
      </c>
      <c r="D79" s="93" t="s">
        <v>29</v>
      </c>
      <c r="E79" s="100" t="s">
        <v>709</v>
      </c>
      <c r="F79" s="96" t="s">
        <v>16</v>
      </c>
    </row>
    <row r="80" spans="1:7" customFormat="1" ht="14.65" customHeight="1">
      <c r="A80" s="104" t="s">
        <v>13</v>
      </c>
      <c r="B80" s="136">
        <v>2486199</v>
      </c>
      <c r="C80" s="95" t="s">
        <v>30</v>
      </c>
      <c r="D80" s="98" t="s">
        <v>635</v>
      </c>
      <c r="E80" s="105" t="s">
        <v>703</v>
      </c>
      <c r="F80" s="106" t="s">
        <v>16</v>
      </c>
    </row>
    <row r="81" spans="1:7" customFormat="1" ht="14.65" customHeight="1">
      <c r="A81" s="104" t="s">
        <v>13</v>
      </c>
      <c r="B81" s="142">
        <v>2550237</v>
      </c>
      <c r="C81" s="122" t="s">
        <v>30</v>
      </c>
      <c r="D81" s="122" t="s">
        <v>731</v>
      </c>
      <c r="E81" s="114" t="s">
        <v>703</v>
      </c>
      <c r="F81" s="106" t="s">
        <v>16</v>
      </c>
      <c r="G81" s="185"/>
    </row>
    <row r="82" spans="1:7" customFormat="1" ht="14.65" customHeight="1">
      <c r="A82" s="92"/>
      <c r="B82" s="137"/>
      <c r="C82" s="101"/>
      <c r="D82" s="93"/>
      <c r="E82" s="100"/>
      <c r="F82" s="96"/>
    </row>
    <row r="83" spans="1:7" customFormat="1" ht="14.65" customHeight="1">
      <c r="A83" s="92" t="s">
        <v>13</v>
      </c>
      <c r="B83" s="135">
        <v>2290332</v>
      </c>
      <c r="C83" s="93" t="s">
        <v>50</v>
      </c>
      <c r="D83" s="93" t="s">
        <v>47</v>
      </c>
      <c r="E83" s="94" t="s">
        <v>679</v>
      </c>
      <c r="F83" s="96" t="s">
        <v>48</v>
      </c>
    </row>
    <row r="84" spans="1:7" customFormat="1" ht="14.65" customHeight="1">
      <c r="A84" s="92"/>
      <c r="B84" s="135"/>
      <c r="C84" s="93"/>
      <c r="D84" s="93"/>
      <c r="E84" s="94"/>
      <c r="F84" s="95"/>
    </row>
    <row r="85" spans="1:7" customFormat="1" ht="14.65" customHeight="1">
      <c r="A85" s="92" t="s">
        <v>13</v>
      </c>
      <c r="B85" s="135">
        <v>2290340</v>
      </c>
      <c r="C85" s="93" t="s">
        <v>46</v>
      </c>
      <c r="D85" s="93" t="s">
        <v>47</v>
      </c>
      <c r="E85" s="94" t="s">
        <v>679</v>
      </c>
      <c r="F85" s="96" t="s">
        <v>48</v>
      </c>
    </row>
    <row r="86" spans="1:7" customFormat="1" ht="14.65" customHeight="1">
      <c r="A86" s="92"/>
      <c r="B86" s="135"/>
      <c r="C86" s="93"/>
      <c r="D86" s="93"/>
      <c r="E86" s="94"/>
      <c r="F86" s="95"/>
    </row>
    <row r="87" spans="1:7" customFormat="1" ht="14.65" customHeight="1">
      <c r="A87" s="92" t="s">
        <v>13</v>
      </c>
      <c r="B87" s="135">
        <v>2273918</v>
      </c>
      <c r="C87" s="93" t="s">
        <v>49</v>
      </c>
      <c r="D87" s="93" t="s">
        <v>47</v>
      </c>
      <c r="E87" s="94" t="s">
        <v>679</v>
      </c>
      <c r="F87" s="96" t="s">
        <v>48</v>
      </c>
    </row>
    <row r="88" spans="1:7" customFormat="1" ht="14.65" customHeight="1">
      <c r="A88" s="92"/>
      <c r="B88" s="135"/>
      <c r="C88" s="93"/>
      <c r="D88" s="93"/>
      <c r="E88" s="94"/>
      <c r="F88" s="95"/>
    </row>
    <row r="89" spans="1:7" customFormat="1" ht="14.65" customHeight="1">
      <c r="A89" s="92" t="s">
        <v>13</v>
      </c>
      <c r="B89" s="135">
        <v>1999559</v>
      </c>
      <c r="C89" s="93" t="s">
        <v>60</v>
      </c>
      <c r="D89" s="93" t="s">
        <v>61</v>
      </c>
      <c r="E89" s="94" t="s">
        <v>683</v>
      </c>
      <c r="F89" s="96" t="s">
        <v>48</v>
      </c>
    </row>
    <row r="90" spans="1:7" customFormat="1" ht="14.65" customHeight="1">
      <c r="A90" s="92"/>
      <c r="B90" s="135"/>
      <c r="C90" s="93"/>
      <c r="D90" s="93"/>
      <c r="E90" s="94"/>
      <c r="F90" s="95"/>
    </row>
    <row r="91" spans="1:7" customFormat="1" ht="14.65" customHeight="1">
      <c r="A91" s="92" t="s">
        <v>13</v>
      </c>
      <c r="B91" s="135">
        <v>1942964</v>
      </c>
      <c r="C91" s="93" t="s">
        <v>54</v>
      </c>
      <c r="D91" s="93" t="s">
        <v>52</v>
      </c>
      <c r="E91" s="94" t="s">
        <v>719</v>
      </c>
      <c r="F91" s="96" t="s">
        <v>48</v>
      </c>
    </row>
    <row r="92" spans="1:7" customFormat="1" ht="14.65" customHeight="1">
      <c r="A92" s="92" t="s">
        <v>13</v>
      </c>
      <c r="B92" s="135">
        <v>893595</v>
      </c>
      <c r="C92" s="93" t="s">
        <v>54</v>
      </c>
      <c r="D92" s="93" t="s">
        <v>55</v>
      </c>
      <c r="E92" s="100" t="s">
        <v>683</v>
      </c>
      <c r="F92" s="96" t="s">
        <v>48</v>
      </c>
    </row>
    <row r="93" spans="1:7" customFormat="1" ht="14.65" customHeight="1">
      <c r="A93" s="92"/>
      <c r="B93" s="135"/>
      <c r="C93" s="93"/>
      <c r="D93" s="93"/>
      <c r="E93" s="94"/>
      <c r="F93" s="95"/>
    </row>
    <row r="94" spans="1:7" customFormat="1" ht="14.65" customHeight="1">
      <c r="A94" s="92" t="s">
        <v>13</v>
      </c>
      <c r="B94" s="135">
        <v>1942972</v>
      </c>
      <c r="C94" s="93" t="s">
        <v>56</v>
      </c>
      <c r="D94" s="93" t="s">
        <v>52</v>
      </c>
      <c r="E94" s="94" t="s">
        <v>719</v>
      </c>
      <c r="F94" s="96" t="s">
        <v>48</v>
      </c>
    </row>
    <row r="95" spans="1:7" customFormat="1" ht="14.65" customHeight="1">
      <c r="A95" s="92" t="s">
        <v>13</v>
      </c>
      <c r="B95" s="135">
        <v>893609</v>
      </c>
      <c r="C95" s="93" t="s">
        <v>56</v>
      </c>
      <c r="D95" s="93" t="s">
        <v>57</v>
      </c>
      <c r="E95" s="100" t="s">
        <v>683</v>
      </c>
      <c r="F95" s="96" t="s">
        <v>48</v>
      </c>
    </row>
    <row r="96" spans="1:7" customFormat="1" ht="14.65" customHeight="1">
      <c r="A96" s="92"/>
      <c r="B96" s="135"/>
      <c r="C96" s="93"/>
      <c r="D96" s="93"/>
      <c r="E96" s="94"/>
      <c r="F96" s="95"/>
    </row>
    <row r="97" spans="1:6" customFormat="1" ht="14.65" customHeight="1">
      <c r="A97" s="92" t="s">
        <v>13</v>
      </c>
      <c r="B97" s="135">
        <v>1942980</v>
      </c>
      <c r="C97" s="93" t="s">
        <v>58</v>
      </c>
      <c r="D97" s="93" t="s">
        <v>52</v>
      </c>
      <c r="E97" s="94" t="s">
        <v>719</v>
      </c>
      <c r="F97" s="96" t="s">
        <v>48</v>
      </c>
    </row>
    <row r="98" spans="1:6" customFormat="1" ht="14.65" customHeight="1">
      <c r="A98" s="92" t="s">
        <v>13</v>
      </c>
      <c r="B98" s="135">
        <v>893617</v>
      </c>
      <c r="C98" s="93" t="s">
        <v>58</v>
      </c>
      <c r="D98" s="93" t="s">
        <v>59</v>
      </c>
      <c r="E98" s="100" t="s">
        <v>683</v>
      </c>
      <c r="F98" s="96" t="s">
        <v>48</v>
      </c>
    </row>
    <row r="99" spans="1:6" customFormat="1" ht="14.65" customHeight="1">
      <c r="A99" s="92"/>
      <c r="B99" s="135"/>
      <c r="C99" s="93"/>
      <c r="D99" s="93"/>
      <c r="E99" s="94"/>
      <c r="F99" s="95"/>
    </row>
    <row r="100" spans="1:6" customFormat="1" ht="14.65" customHeight="1">
      <c r="A100" s="92" t="s">
        <v>13</v>
      </c>
      <c r="B100" s="135">
        <v>1942999</v>
      </c>
      <c r="C100" s="93" t="s">
        <v>51</v>
      </c>
      <c r="D100" s="93" t="s">
        <v>52</v>
      </c>
      <c r="E100" s="94" t="s">
        <v>719</v>
      </c>
      <c r="F100" s="96" t="s">
        <v>48</v>
      </c>
    </row>
    <row r="101" spans="1:6" customFormat="1" ht="14.65" customHeight="1">
      <c r="A101" s="92" t="s">
        <v>13</v>
      </c>
      <c r="B101" s="135">
        <v>893625</v>
      </c>
      <c r="C101" s="93" t="s">
        <v>51</v>
      </c>
      <c r="D101" s="93" t="s">
        <v>53</v>
      </c>
      <c r="E101" s="100" t="s">
        <v>683</v>
      </c>
      <c r="F101" s="96" t="s">
        <v>48</v>
      </c>
    </row>
    <row r="102" spans="1:6" customFormat="1" ht="14.65" customHeight="1">
      <c r="A102" s="92"/>
      <c r="B102" s="135"/>
      <c r="C102" s="93"/>
      <c r="D102" s="93"/>
      <c r="E102" s="94"/>
      <c r="F102" s="95"/>
    </row>
    <row r="103" spans="1:6" customFormat="1" ht="14.65" customHeight="1">
      <c r="A103" s="92" t="s">
        <v>13</v>
      </c>
      <c r="B103" s="135">
        <v>2283778</v>
      </c>
      <c r="C103" s="93" t="s">
        <v>62</v>
      </c>
      <c r="D103" s="93" t="s">
        <v>63</v>
      </c>
      <c r="E103" s="94" t="s">
        <v>702</v>
      </c>
      <c r="F103" s="96" t="s">
        <v>48</v>
      </c>
    </row>
    <row r="104" spans="1:6" customFormat="1" ht="14.65" customHeight="1">
      <c r="A104" s="92"/>
      <c r="B104" s="135"/>
      <c r="C104" s="93"/>
      <c r="D104" s="93"/>
      <c r="E104" s="94"/>
      <c r="F104" s="95"/>
    </row>
    <row r="105" spans="1:6" customFormat="1" ht="14.65" customHeight="1">
      <c r="A105" s="92" t="s">
        <v>13</v>
      </c>
      <c r="B105" s="135">
        <v>1911473</v>
      </c>
      <c r="C105" s="93" t="s">
        <v>65</v>
      </c>
      <c r="D105" s="93" t="s">
        <v>66</v>
      </c>
      <c r="E105" s="94" t="s">
        <v>694</v>
      </c>
      <c r="F105" s="96" t="s">
        <v>48</v>
      </c>
    </row>
    <row r="106" spans="1:6" customFormat="1" ht="14.65" customHeight="1">
      <c r="A106" s="92" t="s">
        <v>13</v>
      </c>
      <c r="B106" s="135">
        <v>2283786</v>
      </c>
      <c r="C106" s="93" t="s">
        <v>65</v>
      </c>
      <c r="D106" s="93" t="s">
        <v>63</v>
      </c>
      <c r="E106" s="94" t="s">
        <v>702</v>
      </c>
      <c r="F106" s="96" t="s">
        <v>48</v>
      </c>
    </row>
    <row r="107" spans="1:6" customFormat="1" ht="14.65" customHeight="1">
      <c r="A107" s="92" t="s">
        <v>13</v>
      </c>
      <c r="B107" s="135">
        <v>2291142</v>
      </c>
      <c r="C107" s="93" t="s">
        <v>65</v>
      </c>
      <c r="D107" s="93" t="s">
        <v>64</v>
      </c>
      <c r="E107" s="94" t="s">
        <v>683</v>
      </c>
      <c r="F107" s="96" t="s">
        <v>48</v>
      </c>
    </row>
    <row r="108" spans="1:6" customFormat="1" ht="14.65" customHeight="1">
      <c r="A108" s="92"/>
      <c r="B108" s="135"/>
      <c r="C108" s="93"/>
      <c r="D108" s="93"/>
      <c r="E108" s="94"/>
      <c r="F108" s="95"/>
    </row>
    <row r="109" spans="1:6" customFormat="1" ht="14.65" customHeight="1">
      <c r="A109" s="92" t="s">
        <v>13</v>
      </c>
      <c r="B109" s="135">
        <v>1911481</v>
      </c>
      <c r="C109" s="93" t="s">
        <v>67</v>
      </c>
      <c r="D109" s="93" t="s">
        <v>68</v>
      </c>
      <c r="E109" s="94" t="s">
        <v>694</v>
      </c>
      <c r="F109" s="96" t="s">
        <v>48</v>
      </c>
    </row>
    <row r="110" spans="1:6" customFormat="1" ht="14.65" customHeight="1">
      <c r="A110" s="92" t="s">
        <v>13</v>
      </c>
      <c r="B110" s="135">
        <v>2283794</v>
      </c>
      <c r="C110" s="93" t="s">
        <v>67</v>
      </c>
      <c r="D110" s="93" t="s">
        <v>63</v>
      </c>
      <c r="E110" s="94" t="s">
        <v>702</v>
      </c>
      <c r="F110" s="96" t="s">
        <v>48</v>
      </c>
    </row>
    <row r="111" spans="1:6" customFormat="1" ht="14.65" customHeight="1">
      <c r="A111" s="92" t="s">
        <v>13</v>
      </c>
      <c r="B111" s="135">
        <v>2291150</v>
      </c>
      <c r="C111" s="93" t="s">
        <v>67</v>
      </c>
      <c r="D111" s="93" t="s">
        <v>64</v>
      </c>
      <c r="E111" s="94" t="s">
        <v>683</v>
      </c>
      <c r="F111" s="96" t="s">
        <v>48</v>
      </c>
    </row>
    <row r="112" spans="1:6" customFormat="1" ht="14.65" customHeight="1">
      <c r="A112" s="92"/>
      <c r="B112" s="135"/>
      <c r="C112" s="93"/>
      <c r="D112" s="93"/>
      <c r="E112" s="94"/>
      <c r="F112" s="95"/>
    </row>
    <row r="113" spans="1:6" customFormat="1" ht="14.65" customHeight="1">
      <c r="A113" s="92" t="s">
        <v>13</v>
      </c>
      <c r="B113" s="135">
        <v>2181479</v>
      </c>
      <c r="C113" s="93" t="s">
        <v>69</v>
      </c>
      <c r="D113" s="93" t="s">
        <v>70</v>
      </c>
      <c r="E113" s="94" t="s">
        <v>694</v>
      </c>
      <c r="F113" s="96" t="s">
        <v>48</v>
      </c>
    </row>
    <row r="114" spans="1:6" customFormat="1" ht="14.65" customHeight="1">
      <c r="A114" s="92" t="s">
        <v>13</v>
      </c>
      <c r="B114" s="135">
        <v>2284987</v>
      </c>
      <c r="C114" s="93" t="s">
        <v>69</v>
      </c>
      <c r="D114" s="93" t="s">
        <v>71</v>
      </c>
      <c r="E114" s="94" t="s">
        <v>683</v>
      </c>
      <c r="F114" s="96" t="s">
        <v>48</v>
      </c>
    </row>
    <row r="115" spans="1:6" customFormat="1" ht="14.65" customHeight="1">
      <c r="A115" s="92"/>
      <c r="B115" s="135"/>
      <c r="C115" s="93"/>
      <c r="D115" s="93"/>
      <c r="E115" s="94"/>
      <c r="F115" s="95"/>
    </row>
    <row r="116" spans="1:6" customFormat="1" ht="14.65" customHeight="1">
      <c r="A116" s="92" t="s">
        <v>13</v>
      </c>
      <c r="B116" s="135">
        <v>2352923</v>
      </c>
      <c r="C116" s="93" t="s">
        <v>72</v>
      </c>
      <c r="D116" s="93" t="s">
        <v>73</v>
      </c>
      <c r="E116" s="94" t="s">
        <v>683</v>
      </c>
      <c r="F116" s="96" t="s">
        <v>48</v>
      </c>
    </row>
    <row r="117" spans="1:6" customFormat="1" ht="14.65" customHeight="1">
      <c r="A117" s="92"/>
      <c r="B117" s="135"/>
      <c r="C117" s="93"/>
      <c r="D117" s="93"/>
      <c r="E117" s="94"/>
      <c r="F117" s="95"/>
    </row>
    <row r="118" spans="1:6" customFormat="1" ht="14.65" customHeight="1">
      <c r="A118" s="92" t="s">
        <v>13</v>
      </c>
      <c r="B118" s="135">
        <v>657298</v>
      </c>
      <c r="C118" s="93" t="s">
        <v>74</v>
      </c>
      <c r="D118" s="93" t="s">
        <v>75</v>
      </c>
      <c r="E118" s="94" t="s">
        <v>700</v>
      </c>
      <c r="F118" s="96" t="s">
        <v>48</v>
      </c>
    </row>
    <row r="119" spans="1:6" customFormat="1" ht="14.65" customHeight="1">
      <c r="A119" s="92" t="s">
        <v>13</v>
      </c>
      <c r="B119" s="135">
        <v>2352931</v>
      </c>
      <c r="C119" s="93" t="s">
        <v>74</v>
      </c>
      <c r="D119" s="93" t="s">
        <v>73</v>
      </c>
      <c r="E119" s="100" t="s">
        <v>683</v>
      </c>
      <c r="F119" s="96" t="s">
        <v>48</v>
      </c>
    </row>
    <row r="120" spans="1:6" customFormat="1" ht="14.65" customHeight="1">
      <c r="A120" s="92"/>
      <c r="B120" s="135"/>
      <c r="C120" s="93"/>
      <c r="D120" s="93"/>
      <c r="E120" s="94"/>
      <c r="F120" s="95"/>
    </row>
    <row r="121" spans="1:6" customFormat="1" ht="14.65" customHeight="1">
      <c r="A121" s="92" t="s">
        <v>13</v>
      </c>
      <c r="B121" s="135">
        <v>851795</v>
      </c>
      <c r="C121" s="93" t="s">
        <v>85</v>
      </c>
      <c r="D121" s="93" t="s">
        <v>77</v>
      </c>
      <c r="E121" s="94" t="s">
        <v>700</v>
      </c>
      <c r="F121" s="96" t="s">
        <v>48</v>
      </c>
    </row>
    <row r="122" spans="1:6" customFormat="1" ht="14.65" customHeight="1">
      <c r="A122" s="92" t="s">
        <v>13</v>
      </c>
      <c r="B122" s="135">
        <v>2020025</v>
      </c>
      <c r="C122" s="93" t="s">
        <v>85</v>
      </c>
      <c r="D122" s="93" t="s">
        <v>86</v>
      </c>
      <c r="E122" s="94" t="s">
        <v>683</v>
      </c>
      <c r="F122" s="96" t="s">
        <v>48</v>
      </c>
    </row>
    <row r="123" spans="1:6" customFormat="1" ht="14.65" customHeight="1">
      <c r="A123" s="92" t="s">
        <v>13</v>
      </c>
      <c r="B123" s="135">
        <v>2291878</v>
      </c>
      <c r="C123" s="93" t="s">
        <v>85</v>
      </c>
      <c r="D123" s="93" t="s">
        <v>80</v>
      </c>
      <c r="E123" s="94" t="s">
        <v>682</v>
      </c>
      <c r="F123" s="96" t="s">
        <v>48</v>
      </c>
    </row>
    <row r="124" spans="1:6" customFormat="1" ht="14.65" customHeight="1">
      <c r="A124" s="92" t="s">
        <v>13</v>
      </c>
      <c r="B124" s="135">
        <v>2299933</v>
      </c>
      <c r="C124" s="93" t="s">
        <v>85</v>
      </c>
      <c r="D124" s="93" t="s">
        <v>81</v>
      </c>
      <c r="E124" s="94" t="s">
        <v>712</v>
      </c>
      <c r="F124" s="96" t="s">
        <v>48</v>
      </c>
    </row>
    <row r="125" spans="1:6" customFormat="1" ht="14.65" customHeight="1">
      <c r="A125" s="92" t="s">
        <v>13</v>
      </c>
      <c r="B125" s="135">
        <v>2300036</v>
      </c>
      <c r="C125" s="93" t="s">
        <v>85</v>
      </c>
      <c r="D125" s="93" t="s">
        <v>82</v>
      </c>
      <c r="E125" s="94" t="s">
        <v>702</v>
      </c>
      <c r="F125" s="96" t="s">
        <v>48</v>
      </c>
    </row>
    <row r="126" spans="1:6" customFormat="1" ht="14.65" customHeight="1">
      <c r="A126" s="92" t="s">
        <v>13</v>
      </c>
      <c r="B126" s="135">
        <v>2352230</v>
      </c>
      <c r="C126" s="93" t="s">
        <v>85</v>
      </c>
      <c r="D126" s="93" t="s">
        <v>83</v>
      </c>
      <c r="E126" s="94" t="s">
        <v>711</v>
      </c>
      <c r="F126" s="96" t="s">
        <v>48</v>
      </c>
    </row>
    <row r="127" spans="1:6" customFormat="1" ht="14.65" customHeight="1">
      <c r="A127" s="92" t="s">
        <v>13</v>
      </c>
      <c r="B127" s="135">
        <v>2400650</v>
      </c>
      <c r="C127" s="93" t="s">
        <v>85</v>
      </c>
      <c r="D127" s="93" t="s">
        <v>84</v>
      </c>
      <c r="E127" s="94" t="s">
        <v>713</v>
      </c>
      <c r="F127" s="96" t="s">
        <v>48</v>
      </c>
    </row>
    <row r="128" spans="1:6" customFormat="1" ht="14.65" customHeight="1">
      <c r="A128" s="92" t="s">
        <v>13</v>
      </c>
      <c r="B128" s="135">
        <v>2442957</v>
      </c>
      <c r="C128" s="93" t="s">
        <v>85</v>
      </c>
      <c r="D128" s="93" t="s">
        <v>84</v>
      </c>
      <c r="E128" s="100" t="s">
        <v>717</v>
      </c>
      <c r="F128" s="96" t="s">
        <v>48</v>
      </c>
    </row>
    <row r="129" spans="1:6" customFormat="1" ht="14.65" customHeight="1">
      <c r="A129" s="92" t="s">
        <v>13</v>
      </c>
      <c r="B129" s="138">
        <v>2474786</v>
      </c>
      <c r="C129" s="98" t="s">
        <v>85</v>
      </c>
      <c r="D129" s="107" t="s">
        <v>605</v>
      </c>
      <c r="E129" s="108" t="s">
        <v>695</v>
      </c>
      <c r="F129" s="96" t="s">
        <v>48</v>
      </c>
    </row>
    <row r="130" spans="1:6" customFormat="1" ht="14.65" customHeight="1">
      <c r="A130" s="92" t="s">
        <v>13</v>
      </c>
      <c r="B130" s="138">
        <v>2459450</v>
      </c>
      <c r="C130" s="98" t="s">
        <v>85</v>
      </c>
      <c r="D130" s="107" t="s">
        <v>606</v>
      </c>
      <c r="E130" s="108" t="s">
        <v>699</v>
      </c>
      <c r="F130" s="96" t="s">
        <v>48</v>
      </c>
    </row>
    <row r="131" spans="1:6" customFormat="1" ht="14.65" customHeight="1">
      <c r="A131" s="92"/>
      <c r="B131" s="138"/>
      <c r="C131" s="98"/>
      <c r="D131" s="107"/>
      <c r="E131" s="108"/>
      <c r="F131" s="96"/>
    </row>
    <row r="132" spans="1:6" customFormat="1" ht="14.65" customHeight="1">
      <c r="A132" s="92" t="s">
        <v>13</v>
      </c>
      <c r="B132" s="135">
        <v>708879</v>
      </c>
      <c r="C132" s="93" t="s">
        <v>89</v>
      </c>
      <c r="D132" s="93" t="s">
        <v>77</v>
      </c>
      <c r="E132" s="94" t="s">
        <v>700</v>
      </c>
      <c r="F132" s="96" t="s">
        <v>48</v>
      </c>
    </row>
    <row r="133" spans="1:6" customFormat="1" ht="14.65" customHeight="1">
      <c r="A133" s="92" t="s">
        <v>13</v>
      </c>
      <c r="B133" s="135">
        <v>2019884</v>
      </c>
      <c r="C133" s="93" t="s">
        <v>89</v>
      </c>
      <c r="D133" s="93" t="s">
        <v>90</v>
      </c>
      <c r="E133" s="94" t="s">
        <v>683</v>
      </c>
      <c r="F133" s="96" t="s">
        <v>48</v>
      </c>
    </row>
    <row r="134" spans="1:6" customFormat="1" ht="14.65" customHeight="1">
      <c r="A134" s="92" t="s">
        <v>13</v>
      </c>
      <c r="B134" s="135">
        <v>2233005</v>
      </c>
      <c r="C134" s="93" t="s">
        <v>89</v>
      </c>
      <c r="D134" s="93" t="s">
        <v>79</v>
      </c>
      <c r="E134" s="94" t="s">
        <v>719</v>
      </c>
      <c r="F134" s="96" t="s">
        <v>48</v>
      </c>
    </row>
    <row r="135" spans="1:6" customFormat="1" ht="14.65" customHeight="1">
      <c r="A135" s="92" t="s">
        <v>13</v>
      </c>
      <c r="B135" s="135">
        <v>2291886</v>
      </c>
      <c r="C135" s="93" t="s">
        <v>89</v>
      </c>
      <c r="D135" s="93" t="s">
        <v>80</v>
      </c>
      <c r="E135" s="94" t="s">
        <v>682</v>
      </c>
      <c r="F135" s="96" t="s">
        <v>48</v>
      </c>
    </row>
    <row r="136" spans="1:6" customFormat="1" ht="14.65" customHeight="1">
      <c r="A136" s="92" t="s">
        <v>13</v>
      </c>
      <c r="B136" s="135">
        <v>2299941</v>
      </c>
      <c r="C136" s="93" t="s">
        <v>89</v>
      </c>
      <c r="D136" s="93" t="s">
        <v>81</v>
      </c>
      <c r="E136" s="94" t="s">
        <v>712</v>
      </c>
      <c r="F136" s="96" t="s">
        <v>48</v>
      </c>
    </row>
    <row r="137" spans="1:6" customFormat="1" ht="14.65" customHeight="1">
      <c r="A137" s="92" t="s">
        <v>13</v>
      </c>
      <c r="B137" s="135">
        <v>2300044</v>
      </c>
      <c r="C137" s="93" t="s">
        <v>89</v>
      </c>
      <c r="D137" s="93" t="s">
        <v>82</v>
      </c>
      <c r="E137" s="94" t="s">
        <v>702</v>
      </c>
      <c r="F137" s="96" t="s">
        <v>48</v>
      </c>
    </row>
    <row r="138" spans="1:6" customFormat="1" ht="14.65" customHeight="1">
      <c r="A138" s="92" t="s">
        <v>13</v>
      </c>
      <c r="B138" s="135">
        <v>2352249</v>
      </c>
      <c r="C138" s="93" t="s">
        <v>89</v>
      </c>
      <c r="D138" s="93" t="s">
        <v>83</v>
      </c>
      <c r="E138" s="94" t="s">
        <v>711</v>
      </c>
      <c r="F138" s="96" t="s">
        <v>48</v>
      </c>
    </row>
    <row r="139" spans="1:6" customFormat="1" ht="14.65" customHeight="1">
      <c r="A139" s="92" t="s">
        <v>13</v>
      </c>
      <c r="B139" s="135">
        <v>2400669</v>
      </c>
      <c r="C139" s="93" t="s">
        <v>89</v>
      </c>
      <c r="D139" s="93" t="s">
        <v>84</v>
      </c>
      <c r="E139" s="94" t="s">
        <v>713</v>
      </c>
      <c r="F139" s="96" t="s">
        <v>48</v>
      </c>
    </row>
    <row r="140" spans="1:6" customFormat="1" ht="14.65" customHeight="1">
      <c r="A140" s="92" t="s">
        <v>13</v>
      </c>
      <c r="B140" s="135">
        <v>2442965</v>
      </c>
      <c r="C140" s="93" t="s">
        <v>89</v>
      </c>
      <c r="D140" s="93" t="s">
        <v>84</v>
      </c>
      <c r="E140" s="100" t="s">
        <v>717</v>
      </c>
      <c r="F140" s="96" t="s">
        <v>48</v>
      </c>
    </row>
    <row r="141" spans="1:6" customFormat="1" ht="14.65" customHeight="1">
      <c r="A141" s="92" t="s">
        <v>13</v>
      </c>
      <c r="B141" s="138">
        <v>2474794</v>
      </c>
      <c r="C141" s="95" t="s">
        <v>89</v>
      </c>
      <c r="D141" s="107" t="s">
        <v>605</v>
      </c>
      <c r="E141" s="108" t="s">
        <v>695</v>
      </c>
      <c r="F141" s="96" t="s">
        <v>48</v>
      </c>
    </row>
    <row r="142" spans="1:6" customFormat="1" ht="14.65" customHeight="1">
      <c r="A142" s="92" t="s">
        <v>13</v>
      </c>
      <c r="B142" s="138">
        <v>2459469</v>
      </c>
      <c r="C142" s="95" t="s">
        <v>89</v>
      </c>
      <c r="D142" s="107" t="s">
        <v>606</v>
      </c>
      <c r="E142" s="108" t="s">
        <v>699</v>
      </c>
      <c r="F142" s="96" t="s">
        <v>48</v>
      </c>
    </row>
    <row r="143" spans="1:6" customFormat="1" ht="14.65" customHeight="1">
      <c r="A143" s="92"/>
      <c r="B143" s="135"/>
      <c r="C143" s="93"/>
      <c r="D143" s="93"/>
      <c r="E143" s="94"/>
      <c r="F143" s="95"/>
    </row>
    <row r="144" spans="1:6" customFormat="1" ht="14.65" customHeight="1">
      <c r="A144" s="92" t="s">
        <v>13</v>
      </c>
      <c r="B144" s="135">
        <v>670901</v>
      </c>
      <c r="C144" s="93" t="s">
        <v>76</v>
      </c>
      <c r="D144" s="93" t="s">
        <v>77</v>
      </c>
      <c r="E144" s="94" t="s">
        <v>700</v>
      </c>
      <c r="F144" s="96" t="s">
        <v>48</v>
      </c>
    </row>
    <row r="145" spans="1:7" customFormat="1" ht="14.65" customHeight="1">
      <c r="A145" s="92" t="s">
        <v>13</v>
      </c>
      <c r="B145" s="135">
        <v>2019892</v>
      </c>
      <c r="C145" s="93" t="s">
        <v>76</v>
      </c>
      <c r="D145" s="93" t="s">
        <v>78</v>
      </c>
      <c r="E145" s="94" t="s">
        <v>683</v>
      </c>
      <c r="F145" s="96" t="s">
        <v>48</v>
      </c>
    </row>
    <row r="146" spans="1:7" customFormat="1" ht="14.65" customHeight="1">
      <c r="A146" s="92" t="s">
        <v>13</v>
      </c>
      <c r="B146" s="135">
        <v>2233006</v>
      </c>
      <c r="C146" s="93" t="s">
        <v>76</v>
      </c>
      <c r="D146" s="93" t="s">
        <v>79</v>
      </c>
      <c r="E146" s="94" t="s">
        <v>719</v>
      </c>
      <c r="F146" s="96" t="s">
        <v>48</v>
      </c>
    </row>
    <row r="147" spans="1:7" customFormat="1" ht="14.65" customHeight="1">
      <c r="A147" s="92" t="s">
        <v>13</v>
      </c>
      <c r="B147" s="135">
        <v>2291894</v>
      </c>
      <c r="C147" s="93" t="s">
        <v>76</v>
      </c>
      <c r="D147" s="93" t="s">
        <v>80</v>
      </c>
      <c r="E147" s="94" t="s">
        <v>682</v>
      </c>
      <c r="F147" s="96" t="s">
        <v>48</v>
      </c>
    </row>
    <row r="148" spans="1:7" customFormat="1" ht="14.65" customHeight="1">
      <c r="A148" s="92" t="s">
        <v>13</v>
      </c>
      <c r="B148" s="135">
        <v>2299968</v>
      </c>
      <c r="C148" s="93" t="s">
        <v>76</v>
      </c>
      <c r="D148" s="93" t="s">
        <v>81</v>
      </c>
      <c r="E148" s="94" t="s">
        <v>712</v>
      </c>
      <c r="F148" s="96" t="s">
        <v>48</v>
      </c>
    </row>
    <row r="149" spans="1:7" customFormat="1" ht="14.65" customHeight="1">
      <c r="A149" s="92" t="s">
        <v>13</v>
      </c>
      <c r="B149" s="135">
        <v>2300052</v>
      </c>
      <c r="C149" s="93" t="s">
        <v>76</v>
      </c>
      <c r="D149" s="93" t="s">
        <v>82</v>
      </c>
      <c r="E149" s="94" t="s">
        <v>702</v>
      </c>
      <c r="F149" s="96" t="s">
        <v>48</v>
      </c>
    </row>
    <row r="150" spans="1:7" customFormat="1" ht="14.65" customHeight="1">
      <c r="A150" s="92" t="s">
        <v>13</v>
      </c>
      <c r="B150" s="135">
        <v>2352257</v>
      </c>
      <c r="C150" s="93" t="s">
        <v>76</v>
      </c>
      <c r="D150" s="93" t="s">
        <v>83</v>
      </c>
      <c r="E150" s="94" t="s">
        <v>711</v>
      </c>
      <c r="F150" s="96" t="s">
        <v>48</v>
      </c>
    </row>
    <row r="151" spans="1:7" customFormat="1" ht="14.65" customHeight="1">
      <c r="A151" s="92" t="s">
        <v>13</v>
      </c>
      <c r="B151" s="135">
        <v>2400677</v>
      </c>
      <c r="C151" s="93" t="s">
        <v>76</v>
      </c>
      <c r="D151" s="93" t="s">
        <v>84</v>
      </c>
      <c r="E151" s="94" t="s">
        <v>713</v>
      </c>
      <c r="F151" s="96" t="s">
        <v>48</v>
      </c>
    </row>
    <row r="152" spans="1:7" customFormat="1" ht="14.65" customHeight="1">
      <c r="A152" s="92" t="s">
        <v>13</v>
      </c>
      <c r="B152" s="135">
        <v>2442973</v>
      </c>
      <c r="C152" s="93" t="s">
        <v>76</v>
      </c>
      <c r="D152" s="93" t="s">
        <v>84</v>
      </c>
      <c r="E152" s="100" t="s">
        <v>717</v>
      </c>
      <c r="F152" s="96" t="s">
        <v>48</v>
      </c>
    </row>
    <row r="153" spans="1:7" customFormat="1" ht="14.65" customHeight="1">
      <c r="A153" s="92" t="s">
        <v>13</v>
      </c>
      <c r="B153" s="138">
        <v>2474808</v>
      </c>
      <c r="C153" s="95" t="s">
        <v>76</v>
      </c>
      <c r="D153" s="107" t="s">
        <v>605</v>
      </c>
      <c r="E153" s="99" t="s">
        <v>695</v>
      </c>
      <c r="F153" s="106" t="s">
        <v>48</v>
      </c>
      <c r="G153" s="109"/>
    </row>
    <row r="154" spans="1:7" customFormat="1" ht="14.65" customHeight="1">
      <c r="A154" s="92" t="s">
        <v>13</v>
      </c>
      <c r="B154" s="138">
        <v>2444771</v>
      </c>
      <c r="C154" s="95" t="s">
        <v>76</v>
      </c>
      <c r="D154" s="107" t="s">
        <v>606</v>
      </c>
      <c r="E154" s="99" t="s">
        <v>699</v>
      </c>
      <c r="F154" s="106" t="s">
        <v>48</v>
      </c>
      <c r="G154" s="109"/>
    </row>
    <row r="155" spans="1:7" customFormat="1" ht="14.65" customHeight="1">
      <c r="A155" s="92"/>
      <c r="B155" s="138"/>
      <c r="C155" s="98"/>
      <c r="D155" s="107"/>
      <c r="E155" s="108"/>
      <c r="F155" s="96"/>
    </row>
    <row r="156" spans="1:7" customFormat="1" ht="14.65" customHeight="1">
      <c r="A156" s="92" t="s">
        <v>13</v>
      </c>
      <c r="B156" s="135">
        <v>670928</v>
      </c>
      <c r="C156" s="93" t="s">
        <v>87</v>
      </c>
      <c r="D156" s="93" t="s">
        <v>77</v>
      </c>
      <c r="E156" s="94" t="s">
        <v>700</v>
      </c>
      <c r="F156" s="96" t="s">
        <v>48</v>
      </c>
    </row>
    <row r="157" spans="1:7" customFormat="1" ht="14.65" customHeight="1">
      <c r="A157" s="92" t="s">
        <v>13</v>
      </c>
      <c r="B157" s="135">
        <v>2019906</v>
      </c>
      <c r="C157" s="93" t="s">
        <v>87</v>
      </c>
      <c r="D157" s="93" t="s">
        <v>88</v>
      </c>
      <c r="E157" s="94" t="s">
        <v>683</v>
      </c>
      <c r="F157" s="96" t="s">
        <v>48</v>
      </c>
    </row>
    <row r="158" spans="1:7" customFormat="1" ht="14.65" customHeight="1">
      <c r="A158" s="92" t="s">
        <v>13</v>
      </c>
      <c r="B158" s="135">
        <v>2233007</v>
      </c>
      <c r="C158" s="93" t="s">
        <v>87</v>
      </c>
      <c r="D158" s="93" t="s">
        <v>79</v>
      </c>
      <c r="E158" s="94" t="s">
        <v>719</v>
      </c>
      <c r="F158" s="96" t="s">
        <v>48</v>
      </c>
    </row>
    <row r="159" spans="1:7" customFormat="1" ht="14.65" customHeight="1">
      <c r="A159" s="92" t="s">
        <v>13</v>
      </c>
      <c r="B159" s="135">
        <v>2291908</v>
      </c>
      <c r="C159" s="93" t="s">
        <v>87</v>
      </c>
      <c r="D159" s="93" t="s">
        <v>80</v>
      </c>
      <c r="E159" s="94" t="s">
        <v>682</v>
      </c>
      <c r="F159" s="96" t="s">
        <v>48</v>
      </c>
    </row>
    <row r="160" spans="1:7" customFormat="1" ht="14.65" customHeight="1">
      <c r="A160" s="92" t="s">
        <v>13</v>
      </c>
      <c r="B160" s="135">
        <v>2299976</v>
      </c>
      <c r="C160" s="93" t="s">
        <v>87</v>
      </c>
      <c r="D160" s="93" t="s">
        <v>81</v>
      </c>
      <c r="E160" s="94" t="s">
        <v>712</v>
      </c>
      <c r="F160" s="96" t="s">
        <v>48</v>
      </c>
    </row>
    <row r="161" spans="1:6" customFormat="1" ht="14.65" customHeight="1">
      <c r="A161" s="92" t="s">
        <v>13</v>
      </c>
      <c r="B161" s="135">
        <v>2300060</v>
      </c>
      <c r="C161" s="93" t="s">
        <v>87</v>
      </c>
      <c r="D161" s="93" t="s">
        <v>82</v>
      </c>
      <c r="E161" s="94" t="s">
        <v>702</v>
      </c>
      <c r="F161" s="96" t="s">
        <v>48</v>
      </c>
    </row>
    <row r="162" spans="1:6" customFormat="1" ht="14.65" customHeight="1">
      <c r="A162" s="92" t="s">
        <v>13</v>
      </c>
      <c r="B162" s="135">
        <v>2352265</v>
      </c>
      <c r="C162" s="93" t="s">
        <v>87</v>
      </c>
      <c r="D162" s="93" t="s">
        <v>83</v>
      </c>
      <c r="E162" s="94" t="s">
        <v>711</v>
      </c>
      <c r="F162" s="96" t="s">
        <v>48</v>
      </c>
    </row>
    <row r="163" spans="1:6" customFormat="1" ht="14.65" customHeight="1">
      <c r="A163" s="104" t="s">
        <v>13</v>
      </c>
      <c r="B163" s="136">
        <v>2442981</v>
      </c>
      <c r="C163" s="95" t="s">
        <v>87</v>
      </c>
      <c r="D163" s="95" t="s">
        <v>84</v>
      </c>
      <c r="E163" s="99" t="s">
        <v>717</v>
      </c>
      <c r="F163" s="106" t="s">
        <v>48</v>
      </c>
    </row>
    <row r="164" spans="1:6" customFormat="1" ht="14.65" customHeight="1">
      <c r="A164" s="92" t="s">
        <v>13</v>
      </c>
      <c r="B164" s="135">
        <v>2400685</v>
      </c>
      <c r="C164" s="93" t="s">
        <v>87</v>
      </c>
      <c r="D164" s="93" t="s">
        <v>84</v>
      </c>
      <c r="E164" s="94" t="s">
        <v>713</v>
      </c>
      <c r="F164" s="96" t="s">
        <v>48</v>
      </c>
    </row>
    <row r="165" spans="1:6" customFormat="1" ht="14.65" customHeight="1">
      <c r="A165" s="92" t="s">
        <v>13</v>
      </c>
      <c r="B165" s="138">
        <v>2474816</v>
      </c>
      <c r="C165" s="95" t="s">
        <v>87</v>
      </c>
      <c r="D165" s="107" t="s">
        <v>605</v>
      </c>
      <c r="E165" s="108" t="s">
        <v>695</v>
      </c>
      <c r="F165" s="106" t="s">
        <v>48</v>
      </c>
    </row>
    <row r="166" spans="1:6" customFormat="1" ht="14.65" customHeight="1">
      <c r="A166" s="92" t="s">
        <v>13</v>
      </c>
      <c r="B166" s="138">
        <v>2444798</v>
      </c>
      <c r="C166" s="95" t="s">
        <v>87</v>
      </c>
      <c r="D166" s="107" t="s">
        <v>606</v>
      </c>
      <c r="E166" s="108" t="s">
        <v>699</v>
      </c>
      <c r="F166" s="106" t="s">
        <v>48</v>
      </c>
    </row>
    <row r="167" spans="1:6" customFormat="1" ht="14.65" customHeight="1">
      <c r="A167" s="92"/>
      <c r="B167" s="135"/>
      <c r="C167" s="93"/>
      <c r="D167" s="93"/>
      <c r="E167" s="94"/>
      <c r="F167" s="95"/>
    </row>
    <row r="168" spans="1:6" customFormat="1" ht="14.65" customHeight="1">
      <c r="A168" s="92" t="s">
        <v>13</v>
      </c>
      <c r="B168" s="135">
        <v>1907107</v>
      </c>
      <c r="C168" s="93" t="s">
        <v>91</v>
      </c>
      <c r="D168" s="93" t="s">
        <v>92</v>
      </c>
      <c r="E168" s="94" t="s">
        <v>691</v>
      </c>
      <c r="F168" s="96" t="s">
        <v>48</v>
      </c>
    </row>
    <row r="169" spans="1:6" customFormat="1" ht="14.65" customHeight="1">
      <c r="A169" s="92" t="s">
        <v>13</v>
      </c>
      <c r="B169" s="135">
        <v>2247802</v>
      </c>
      <c r="C169" s="93" t="s">
        <v>91</v>
      </c>
      <c r="D169" s="93" t="s">
        <v>93</v>
      </c>
      <c r="E169" s="94" t="s">
        <v>719</v>
      </c>
      <c r="F169" s="96" t="s">
        <v>48</v>
      </c>
    </row>
    <row r="170" spans="1:6" customFormat="1" ht="14.65" customHeight="1">
      <c r="A170" s="92" t="s">
        <v>13</v>
      </c>
      <c r="B170" s="135">
        <v>2266008</v>
      </c>
      <c r="C170" s="93" t="s">
        <v>91</v>
      </c>
      <c r="D170" s="93" t="s">
        <v>94</v>
      </c>
      <c r="E170" s="94" t="s">
        <v>683</v>
      </c>
      <c r="F170" s="96" t="s">
        <v>48</v>
      </c>
    </row>
    <row r="171" spans="1:6" customFormat="1" ht="14.65" customHeight="1">
      <c r="A171" s="92" t="s">
        <v>13</v>
      </c>
      <c r="B171" s="135">
        <v>2294524</v>
      </c>
      <c r="C171" s="93" t="s">
        <v>91</v>
      </c>
      <c r="D171" s="93" t="s">
        <v>95</v>
      </c>
      <c r="E171" s="94" t="s">
        <v>711</v>
      </c>
      <c r="F171" s="96" t="s">
        <v>48</v>
      </c>
    </row>
    <row r="172" spans="1:6" customFormat="1" ht="14.65" customHeight="1">
      <c r="A172" s="92" t="s">
        <v>13</v>
      </c>
      <c r="B172" s="135">
        <v>2331004</v>
      </c>
      <c r="C172" s="93" t="s">
        <v>91</v>
      </c>
      <c r="D172" s="93" t="s">
        <v>96</v>
      </c>
      <c r="E172" s="94" t="s">
        <v>695</v>
      </c>
      <c r="F172" s="96" t="s">
        <v>48</v>
      </c>
    </row>
    <row r="173" spans="1:6" customFormat="1" ht="14.65" customHeight="1">
      <c r="A173" s="92" t="s">
        <v>13</v>
      </c>
      <c r="B173" s="135">
        <v>2459388</v>
      </c>
      <c r="C173" s="93" t="s">
        <v>91</v>
      </c>
      <c r="D173" s="110" t="s">
        <v>97</v>
      </c>
      <c r="E173" s="111" t="s">
        <v>713</v>
      </c>
      <c r="F173" s="96" t="s">
        <v>48</v>
      </c>
    </row>
    <row r="174" spans="1:6" customFormat="1" ht="14.65" customHeight="1">
      <c r="A174" s="92"/>
      <c r="B174" s="135"/>
      <c r="C174" s="93"/>
      <c r="D174" s="110"/>
      <c r="E174" s="111"/>
      <c r="F174" s="96"/>
    </row>
    <row r="175" spans="1:6" customFormat="1" ht="14.65" customHeight="1">
      <c r="A175" s="92" t="s">
        <v>13</v>
      </c>
      <c r="B175" s="135">
        <v>1907115</v>
      </c>
      <c r="C175" s="93" t="s">
        <v>98</v>
      </c>
      <c r="D175" s="93" t="s">
        <v>99</v>
      </c>
      <c r="E175" s="94" t="s">
        <v>691</v>
      </c>
      <c r="F175" s="96" t="s">
        <v>48</v>
      </c>
    </row>
    <row r="176" spans="1:6" customFormat="1" ht="14.65" customHeight="1">
      <c r="A176" s="92" t="s">
        <v>13</v>
      </c>
      <c r="B176" s="135">
        <v>2247803</v>
      </c>
      <c r="C176" s="93" t="s">
        <v>98</v>
      </c>
      <c r="D176" s="93" t="s">
        <v>93</v>
      </c>
      <c r="E176" s="94" t="s">
        <v>719</v>
      </c>
      <c r="F176" s="96" t="s">
        <v>48</v>
      </c>
    </row>
    <row r="177" spans="1:6" customFormat="1" ht="14.65" customHeight="1">
      <c r="A177" s="92" t="s">
        <v>13</v>
      </c>
      <c r="B177" s="135">
        <v>2266016</v>
      </c>
      <c r="C177" s="93" t="s">
        <v>98</v>
      </c>
      <c r="D177" s="93" t="s">
        <v>94</v>
      </c>
      <c r="E177" s="94" t="s">
        <v>683</v>
      </c>
      <c r="F177" s="96" t="s">
        <v>48</v>
      </c>
    </row>
    <row r="178" spans="1:6" customFormat="1" ht="14.65" customHeight="1">
      <c r="A178" s="92" t="s">
        <v>13</v>
      </c>
      <c r="B178" s="135">
        <v>2294532</v>
      </c>
      <c r="C178" s="93" t="s">
        <v>98</v>
      </c>
      <c r="D178" s="93" t="s">
        <v>95</v>
      </c>
      <c r="E178" s="94" t="s">
        <v>711</v>
      </c>
      <c r="F178" s="96" t="s">
        <v>48</v>
      </c>
    </row>
    <row r="179" spans="1:6" customFormat="1" ht="14.65" customHeight="1">
      <c r="A179" s="92" t="s">
        <v>13</v>
      </c>
      <c r="B179" s="135">
        <v>2331012</v>
      </c>
      <c r="C179" s="93" t="s">
        <v>98</v>
      </c>
      <c r="D179" s="93" t="s">
        <v>96</v>
      </c>
      <c r="E179" s="94" t="s">
        <v>695</v>
      </c>
      <c r="F179" s="96" t="s">
        <v>48</v>
      </c>
    </row>
    <row r="180" spans="1:6" customFormat="1" ht="14.65" customHeight="1">
      <c r="A180" s="92" t="s">
        <v>13</v>
      </c>
      <c r="B180" s="135">
        <v>2459396</v>
      </c>
      <c r="C180" s="93" t="s">
        <v>98</v>
      </c>
      <c r="D180" s="110" t="s">
        <v>97</v>
      </c>
      <c r="E180" s="111" t="s">
        <v>713</v>
      </c>
      <c r="F180" s="96" t="s">
        <v>48</v>
      </c>
    </row>
    <row r="181" spans="1:6" customFormat="1" ht="14.65" customHeight="1">
      <c r="A181" s="92"/>
      <c r="B181" s="135"/>
      <c r="C181" s="93"/>
      <c r="D181" s="93"/>
      <c r="E181" s="94"/>
      <c r="F181" s="95"/>
    </row>
    <row r="182" spans="1:6" customFormat="1" ht="14.65" customHeight="1">
      <c r="A182" s="92" t="s">
        <v>13</v>
      </c>
      <c r="B182" s="135">
        <v>839388</v>
      </c>
      <c r="C182" s="93" t="s">
        <v>115</v>
      </c>
      <c r="D182" s="93" t="s">
        <v>101</v>
      </c>
      <c r="E182" s="94" t="s">
        <v>700</v>
      </c>
      <c r="F182" s="96" t="s">
        <v>48</v>
      </c>
    </row>
    <row r="183" spans="1:6" customFormat="1" ht="14.65" customHeight="1">
      <c r="A183" s="92" t="s">
        <v>13</v>
      </c>
      <c r="B183" s="135">
        <v>2049333</v>
      </c>
      <c r="C183" s="93" t="s">
        <v>115</v>
      </c>
      <c r="D183" s="93" t="s">
        <v>116</v>
      </c>
      <c r="E183" s="94" t="s">
        <v>685</v>
      </c>
      <c r="F183" s="96" t="s">
        <v>48</v>
      </c>
    </row>
    <row r="184" spans="1:6" customFormat="1" ht="14.65" customHeight="1">
      <c r="A184" s="92" t="s">
        <v>13</v>
      </c>
      <c r="B184" s="135">
        <v>2217481</v>
      </c>
      <c r="C184" s="93" t="s">
        <v>115</v>
      </c>
      <c r="D184" s="93" t="s">
        <v>117</v>
      </c>
      <c r="E184" s="94" t="s">
        <v>683</v>
      </c>
      <c r="F184" s="96" t="s">
        <v>48</v>
      </c>
    </row>
    <row r="185" spans="1:6" customFormat="1" ht="14.65" customHeight="1">
      <c r="A185" s="92" t="s">
        <v>13</v>
      </c>
      <c r="B185" s="135">
        <v>2271443</v>
      </c>
      <c r="C185" s="93" t="s">
        <v>115</v>
      </c>
      <c r="D185" s="93" t="s">
        <v>104</v>
      </c>
      <c r="E185" s="94" t="s">
        <v>720</v>
      </c>
      <c r="F185" s="96" t="s">
        <v>48</v>
      </c>
    </row>
    <row r="186" spans="1:6" customFormat="1" ht="14.65" customHeight="1">
      <c r="A186" s="92" t="s">
        <v>13</v>
      </c>
      <c r="B186" s="135">
        <v>2285061</v>
      </c>
      <c r="C186" s="93" t="s">
        <v>115</v>
      </c>
      <c r="D186" s="93" t="s">
        <v>105</v>
      </c>
      <c r="E186" s="94" t="s">
        <v>719</v>
      </c>
      <c r="F186" s="96" t="s">
        <v>48</v>
      </c>
    </row>
    <row r="187" spans="1:6" customFormat="1" ht="14.65" customHeight="1">
      <c r="A187" s="92" t="s">
        <v>13</v>
      </c>
      <c r="B187" s="135">
        <v>2285118</v>
      </c>
      <c r="C187" s="93" t="s">
        <v>115</v>
      </c>
      <c r="D187" s="93" t="s">
        <v>106</v>
      </c>
      <c r="E187" s="94" t="s">
        <v>719</v>
      </c>
      <c r="F187" s="96" t="s">
        <v>48</v>
      </c>
    </row>
    <row r="188" spans="1:6" customFormat="1" ht="14.65" customHeight="1">
      <c r="A188" s="92" t="s">
        <v>13</v>
      </c>
      <c r="B188" s="135">
        <v>2289199</v>
      </c>
      <c r="C188" s="93" t="s">
        <v>115</v>
      </c>
      <c r="D188" s="93" t="s">
        <v>107</v>
      </c>
      <c r="E188" s="94" t="s">
        <v>712</v>
      </c>
      <c r="F188" s="96" t="s">
        <v>48</v>
      </c>
    </row>
    <row r="189" spans="1:6" customFormat="1" ht="14.65" customHeight="1">
      <c r="A189" s="92" t="s">
        <v>13</v>
      </c>
      <c r="B189" s="135">
        <v>2294230</v>
      </c>
      <c r="C189" s="93" t="s">
        <v>115</v>
      </c>
      <c r="D189" s="93" t="s">
        <v>108</v>
      </c>
      <c r="E189" s="94" t="s">
        <v>711</v>
      </c>
      <c r="F189" s="96" t="s">
        <v>48</v>
      </c>
    </row>
    <row r="190" spans="1:6" customFormat="1" ht="14.65" customHeight="1">
      <c r="A190" s="92" t="s">
        <v>13</v>
      </c>
      <c r="B190" s="135">
        <v>2361531</v>
      </c>
      <c r="C190" s="93" t="s">
        <v>115</v>
      </c>
      <c r="D190" s="93" t="s">
        <v>109</v>
      </c>
      <c r="E190" s="94" t="s">
        <v>695</v>
      </c>
      <c r="F190" s="96" t="s">
        <v>48</v>
      </c>
    </row>
    <row r="191" spans="1:6" customFormat="1" ht="14.65" customHeight="1">
      <c r="A191" s="92" t="s">
        <v>13</v>
      </c>
      <c r="B191" s="135">
        <v>2386232</v>
      </c>
      <c r="C191" s="93" t="s">
        <v>115</v>
      </c>
      <c r="D191" s="93" t="s">
        <v>110</v>
      </c>
      <c r="E191" s="94" t="s">
        <v>717</v>
      </c>
      <c r="F191" s="96" t="s">
        <v>48</v>
      </c>
    </row>
    <row r="192" spans="1:6" customFormat="1" ht="14.65" customHeight="1">
      <c r="A192" s="92" t="s">
        <v>13</v>
      </c>
      <c r="B192" s="135">
        <v>2394472</v>
      </c>
      <c r="C192" s="93" t="s">
        <v>115</v>
      </c>
      <c r="D192" s="93" t="s">
        <v>111</v>
      </c>
      <c r="E192" s="94" t="s">
        <v>686</v>
      </c>
      <c r="F192" s="96" t="s">
        <v>48</v>
      </c>
    </row>
    <row r="193" spans="1:10" customFormat="1" ht="14.65" customHeight="1">
      <c r="A193" s="88" t="s">
        <v>13</v>
      </c>
      <c r="B193" s="139">
        <v>2525186</v>
      </c>
      <c r="C193" s="112" t="s">
        <v>115</v>
      </c>
      <c r="D193" s="112" t="s">
        <v>110</v>
      </c>
      <c r="E193" s="113" t="s">
        <v>713</v>
      </c>
      <c r="F193" s="95" t="s">
        <v>48</v>
      </c>
    </row>
    <row r="194" spans="1:10" customFormat="1" ht="14.65" customHeight="1">
      <c r="A194" s="88" t="s">
        <v>13</v>
      </c>
      <c r="B194" s="139">
        <v>2554488</v>
      </c>
      <c r="C194" s="112" t="s">
        <v>115</v>
      </c>
      <c r="D194" s="112" t="s">
        <v>738</v>
      </c>
      <c r="E194" s="113" t="s">
        <v>717</v>
      </c>
      <c r="F194" s="95" t="s">
        <v>48</v>
      </c>
      <c r="G194" s="196"/>
      <c r="I194" s="98"/>
      <c r="J194" s="170"/>
    </row>
    <row r="195" spans="1:10" customFormat="1" ht="14.65" customHeight="1">
      <c r="A195" s="92"/>
      <c r="B195" s="135"/>
      <c r="C195" s="93"/>
      <c r="D195" s="93"/>
      <c r="E195" s="94"/>
      <c r="F195" s="95"/>
    </row>
    <row r="196" spans="1:10" customFormat="1" ht="14.65" customHeight="1">
      <c r="A196" s="92" t="s">
        <v>13</v>
      </c>
      <c r="B196" s="135">
        <v>839396</v>
      </c>
      <c r="C196" s="93" t="s">
        <v>100</v>
      </c>
      <c r="D196" s="93" t="s">
        <v>101</v>
      </c>
      <c r="E196" s="94" t="s">
        <v>700</v>
      </c>
      <c r="F196" s="96" t="s">
        <v>48</v>
      </c>
    </row>
    <row r="197" spans="1:10" customFormat="1" ht="14.65" customHeight="1">
      <c r="A197" s="92" t="s">
        <v>13</v>
      </c>
      <c r="B197" s="135">
        <v>2049376</v>
      </c>
      <c r="C197" s="93" t="s">
        <v>100</v>
      </c>
      <c r="D197" s="93" t="s">
        <v>102</v>
      </c>
      <c r="E197" s="94" t="s">
        <v>685</v>
      </c>
      <c r="F197" s="96" t="s">
        <v>48</v>
      </c>
    </row>
    <row r="198" spans="1:10" customFormat="1" ht="14.65" customHeight="1">
      <c r="A198" s="92" t="s">
        <v>13</v>
      </c>
      <c r="B198" s="135">
        <v>2217503</v>
      </c>
      <c r="C198" s="93" t="s">
        <v>100</v>
      </c>
      <c r="D198" s="93" t="s">
        <v>103</v>
      </c>
      <c r="E198" s="94" t="s">
        <v>683</v>
      </c>
      <c r="F198" s="96" t="s">
        <v>48</v>
      </c>
    </row>
    <row r="199" spans="1:10" customFormat="1" ht="14.65" customHeight="1">
      <c r="A199" s="92" t="s">
        <v>13</v>
      </c>
      <c r="B199" s="135">
        <v>2271451</v>
      </c>
      <c r="C199" s="93" t="s">
        <v>100</v>
      </c>
      <c r="D199" s="93" t="s">
        <v>104</v>
      </c>
      <c r="E199" s="94" t="s">
        <v>720</v>
      </c>
      <c r="F199" s="96" t="s">
        <v>48</v>
      </c>
    </row>
    <row r="200" spans="1:10" customFormat="1" ht="14.65" customHeight="1">
      <c r="A200" s="92" t="s">
        <v>13</v>
      </c>
      <c r="B200" s="135">
        <v>2285088</v>
      </c>
      <c r="C200" s="93" t="s">
        <v>100</v>
      </c>
      <c r="D200" s="93" t="s">
        <v>105</v>
      </c>
      <c r="E200" s="94" t="s">
        <v>719</v>
      </c>
      <c r="F200" s="96" t="s">
        <v>48</v>
      </c>
    </row>
    <row r="201" spans="1:10" customFormat="1" ht="14.65" customHeight="1">
      <c r="A201" s="92" t="s">
        <v>13</v>
      </c>
      <c r="B201" s="135">
        <v>2285126</v>
      </c>
      <c r="C201" s="93" t="s">
        <v>100</v>
      </c>
      <c r="D201" s="93" t="s">
        <v>106</v>
      </c>
      <c r="E201" s="94" t="s">
        <v>719</v>
      </c>
      <c r="F201" s="96" t="s">
        <v>48</v>
      </c>
    </row>
    <row r="202" spans="1:10" customFormat="1" ht="14.65" customHeight="1">
      <c r="A202" s="92" t="s">
        <v>13</v>
      </c>
      <c r="B202" s="135">
        <v>2289202</v>
      </c>
      <c r="C202" s="93" t="s">
        <v>100</v>
      </c>
      <c r="D202" s="93" t="s">
        <v>107</v>
      </c>
      <c r="E202" s="94" t="s">
        <v>712</v>
      </c>
      <c r="F202" s="96" t="s">
        <v>48</v>
      </c>
    </row>
    <row r="203" spans="1:10" customFormat="1" ht="14.65" customHeight="1">
      <c r="A203" s="92" t="s">
        <v>13</v>
      </c>
      <c r="B203" s="135">
        <v>2294249</v>
      </c>
      <c r="C203" s="93" t="s">
        <v>100</v>
      </c>
      <c r="D203" s="93" t="s">
        <v>108</v>
      </c>
      <c r="E203" s="94" t="s">
        <v>711</v>
      </c>
      <c r="F203" s="96" t="s">
        <v>48</v>
      </c>
    </row>
    <row r="204" spans="1:10" customFormat="1" ht="14.65" customHeight="1">
      <c r="A204" s="92" t="s">
        <v>13</v>
      </c>
      <c r="B204" s="135">
        <v>2361558</v>
      </c>
      <c r="C204" s="93" t="s">
        <v>100</v>
      </c>
      <c r="D204" s="93" t="s">
        <v>109</v>
      </c>
      <c r="E204" s="94" t="s">
        <v>695</v>
      </c>
      <c r="F204" s="96" t="s">
        <v>48</v>
      </c>
    </row>
    <row r="205" spans="1:10" customFormat="1" ht="14.65" customHeight="1">
      <c r="A205" s="92" t="s">
        <v>13</v>
      </c>
      <c r="B205" s="135">
        <v>2386240</v>
      </c>
      <c r="C205" s="93" t="s">
        <v>100</v>
      </c>
      <c r="D205" s="93" t="s">
        <v>110</v>
      </c>
      <c r="E205" s="94" t="s">
        <v>717</v>
      </c>
      <c r="F205" s="96" t="s">
        <v>48</v>
      </c>
    </row>
    <row r="206" spans="1:10" customFormat="1" ht="14.65" customHeight="1">
      <c r="A206" s="92" t="s">
        <v>13</v>
      </c>
      <c r="B206" s="135">
        <v>2394480</v>
      </c>
      <c r="C206" s="93" t="s">
        <v>100</v>
      </c>
      <c r="D206" s="93" t="s">
        <v>111</v>
      </c>
      <c r="E206" s="94" t="s">
        <v>686</v>
      </c>
      <c r="F206" s="96" t="s">
        <v>48</v>
      </c>
    </row>
    <row r="207" spans="1:10" customFormat="1" ht="14.65" customHeight="1">
      <c r="A207" s="88" t="s">
        <v>13</v>
      </c>
      <c r="B207" s="139">
        <v>2525194</v>
      </c>
      <c r="C207" s="112" t="s">
        <v>100</v>
      </c>
      <c r="D207" s="112" t="s">
        <v>110</v>
      </c>
      <c r="E207" s="113" t="s">
        <v>713</v>
      </c>
      <c r="F207" s="95" t="s">
        <v>48</v>
      </c>
    </row>
    <row r="208" spans="1:10" customFormat="1" ht="14.65" customHeight="1">
      <c r="A208" s="88" t="s">
        <v>13</v>
      </c>
      <c r="B208" s="139">
        <v>2554496</v>
      </c>
      <c r="C208" s="112" t="s">
        <v>100</v>
      </c>
      <c r="D208" s="112" t="s">
        <v>738</v>
      </c>
      <c r="E208" s="113" t="s">
        <v>717</v>
      </c>
      <c r="F208" s="95" t="s">
        <v>48</v>
      </c>
      <c r="G208" s="196"/>
      <c r="I208" s="98"/>
      <c r="J208" s="170"/>
    </row>
    <row r="209" spans="1:7" customFormat="1" ht="14.65" customHeight="1">
      <c r="A209" s="92"/>
      <c r="B209" s="135"/>
      <c r="C209" s="93"/>
      <c r="D209" s="93"/>
      <c r="E209" s="94"/>
      <c r="F209" s="95"/>
    </row>
    <row r="210" spans="1:7" customFormat="1" ht="14.65" customHeight="1">
      <c r="A210" s="92" t="s">
        <v>13</v>
      </c>
      <c r="B210" s="135">
        <v>839418</v>
      </c>
      <c r="C210" s="93" t="s">
        <v>112</v>
      </c>
      <c r="D210" s="93" t="s">
        <v>101</v>
      </c>
      <c r="E210" s="94" t="s">
        <v>700</v>
      </c>
      <c r="F210" s="96" t="s">
        <v>48</v>
      </c>
    </row>
    <row r="211" spans="1:7" customFormat="1" ht="14.65" customHeight="1">
      <c r="A211" s="92" t="s">
        <v>13</v>
      </c>
      <c r="B211" s="135">
        <v>2049384</v>
      </c>
      <c r="C211" s="93" t="s">
        <v>112</v>
      </c>
      <c r="D211" s="93" t="s">
        <v>113</v>
      </c>
      <c r="E211" s="94" t="s">
        <v>685</v>
      </c>
      <c r="F211" s="96" t="s">
        <v>48</v>
      </c>
    </row>
    <row r="212" spans="1:7" customFormat="1" ht="14.65" customHeight="1">
      <c r="A212" s="92" t="s">
        <v>13</v>
      </c>
      <c r="B212" s="135">
        <v>2217511</v>
      </c>
      <c r="C212" s="93" t="s">
        <v>112</v>
      </c>
      <c r="D212" s="93" t="s">
        <v>114</v>
      </c>
      <c r="E212" s="94" t="s">
        <v>683</v>
      </c>
      <c r="F212" s="96" t="s">
        <v>48</v>
      </c>
    </row>
    <row r="213" spans="1:7" customFormat="1" ht="14.65" customHeight="1">
      <c r="A213" s="92" t="s">
        <v>13</v>
      </c>
      <c r="B213" s="135">
        <v>2271478</v>
      </c>
      <c r="C213" s="93" t="s">
        <v>112</v>
      </c>
      <c r="D213" s="93" t="s">
        <v>104</v>
      </c>
      <c r="E213" s="94" t="s">
        <v>720</v>
      </c>
      <c r="F213" s="96" t="s">
        <v>48</v>
      </c>
    </row>
    <row r="214" spans="1:7" customFormat="1" ht="14.65" customHeight="1">
      <c r="A214" s="92" t="s">
        <v>13</v>
      </c>
      <c r="B214" s="135">
        <v>2285096</v>
      </c>
      <c r="C214" s="93" t="s">
        <v>112</v>
      </c>
      <c r="D214" s="93" t="s">
        <v>105</v>
      </c>
      <c r="E214" s="94" t="s">
        <v>719</v>
      </c>
      <c r="F214" s="96" t="s">
        <v>48</v>
      </c>
    </row>
    <row r="215" spans="1:7" customFormat="1" ht="14.65" customHeight="1">
      <c r="A215" s="92" t="s">
        <v>13</v>
      </c>
      <c r="B215" s="135">
        <v>2285134</v>
      </c>
      <c r="C215" s="93" t="s">
        <v>112</v>
      </c>
      <c r="D215" s="93" t="s">
        <v>106</v>
      </c>
      <c r="E215" s="94" t="s">
        <v>719</v>
      </c>
      <c r="F215" s="96" t="s">
        <v>48</v>
      </c>
    </row>
    <row r="216" spans="1:7" customFormat="1" ht="14.65" customHeight="1">
      <c r="A216" s="92" t="s">
        <v>13</v>
      </c>
      <c r="B216" s="135">
        <v>2289229</v>
      </c>
      <c r="C216" s="93" t="s">
        <v>112</v>
      </c>
      <c r="D216" s="93" t="s">
        <v>107</v>
      </c>
      <c r="E216" s="94" t="s">
        <v>712</v>
      </c>
      <c r="F216" s="96" t="s">
        <v>48</v>
      </c>
    </row>
    <row r="217" spans="1:7" customFormat="1" ht="14.65" customHeight="1">
      <c r="A217" s="92" t="s">
        <v>13</v>
      </c>
      <c r="B217" s="135">
        <v>2294257</v>
      </c>
      <c r="C217" s="93" t="s">
        <v>112</v>
      </c>
      <c r="D217" s="93" t="s">
        <v>108</v>
      </c>
      <c r="E217" s="94" t="s">
        <v>711</v>
      </c>
      <c r="F217" s="96" t="s">
        <v>48</v>
      </c>
    </row>
    <row r="218" spans="1:7" customFormat="1" ht="14.65" customHeight="1">
      <c r="A218" s="92" t="s">
        <v>13</v>
      </c>
      <c r="B218" s="135">
        <v>2361566</v>
      </c>
      <c r="C218" s="93" t="s">
        <v>112</v>
      </c>
      <c r="D218" s="93" t="s">
        <v>109</v>
      </c>
      <c r="E218" s="94" t="s">
        <v>695</v>
      </c>
      <c r="F218" s="96" t="s">
        <v>48</v>
      </c>
    </row>
    <row r="219" spans="1:7" customFormat="1" ht="14.65" customHeight="1">
      <c r="A219" s="92" t="s">
        <v>13</v>
      </c>
      <c r="B219" s="135">
        <v>2386259</v>
      </c>
      <c r="C219" s="93" t="s">
        <v>112</v>
      </c>
      <c r="D219" s="93" t="s">
        <v>110</v>
      </c>
      <c r="E219" s="94" t="s">
        <v>717</v>
      </c>
      <c r="F219" s="96" t="s">
        <v>48</v>
      </c>
    </row>
    <row r="220" spans="1:7" customFormat="1" ht="14.65" customHeight="1">
      <c r="A220" s="92" t="s">
        <v>13</v>
      </c>
      <c r="B220" s="135">
        <v>2394499</v>
      </c>
      <c r="C220" s="93" t="s">
        <v>112</v>
      </c>
      <c r="D220" s="93" t="s">
        <v>111</v>
      </c>
      <c r="E220" s="94" t="s">
        <v>686</v>
      </c>
      <c r="F220" s="96" t="s">
        <v>48</v>
      </c>
    </row>
    <row r="221" spans="1:7" customFormat="1" ht="14.65" customHeight="1">
      <c r="A221" s="88" t="s">
        <v>13</v>
      </c>
      <c r="B221" s="139">
        <v>2525208</v>
      </c>
      <c r="C221" s="112" t="s">
        <v>112</v>
      </c>
      <c r="D221" s="112" t="s">
        <v>110</v>
      </c>
      <c r="E221" s="113" t="s">
        <v>713</v>
      </c>
      <c r="F221" s="95" t="s">
        <v>48</v>
      </c>
    </row>
    <row r="222" spans="1:7" customFormat="1" ht="14.65" customHeight="1">
      <c r="A222" s="88" t="s">
        <v>13</v>
      </c>
      <c r="B222" s="139">
        <v>2554518</v>
      </c>
      <c r="C222" s="112" t="s">
        <v>112</v>
      </c>
      <c r="D222" s="112" t="s">
        <v>738</v>
      </c>
      <c r="E222" s="113" t="s">
        <v>717</v>
      </c>
      <c r="F222" s="95" t="s">
        <v>48</v>
      </c>
      <c r="G222" s="196"/>
    </row>
    <row r="223" spans="1:7" customFormat="1" ht="14.65" customHeight="1">
      <c r="A223" s="92"/>
      <c r="B223" s="135"/>
      <c r="C223" s="93"/>
      <c r="D223" s="93"/>
      <c r="E223" s="94"/>
      <c r="F223" s="95"/>
    </row>
    <row r="224" spans="1:7" customFormat="1" ht="14.65" customHeight="1">
      <c r="A224" s="92" t="s">
        <v>13</v>
      </c>
      <c r="B224" s="135">
        <v>2103729</v>
      </c>
      <c r="C224" s="93" t="s">
        <v>118</v>
      </c>
      <c r="D224" s="93" t="s">
        <v>119</v>
      </c>
      <c r="E224" s="94" t="s">
        <v>685</v>
      </c>
      <c r="F224" s="96" t="s">
        <v>48</v>
      </c>
    </row>
    <row r="225" spans="1:6" customFormat="1" ht="14.65" customHeight="1">
      <c r="A225" s="92" t="s">
        <v>13</v>
      </c>
      <c r="B225" s="135">
        <v>2108194</v>
      </c>
      <c r="C225" s="93" t="s">
        <v>118</v>
      </c>
      <c r="D225" s="93" t="s">
        <v>120</v>
      </c>
      <c r="E225" s="94" t="s">
        <v>700</v>
      </c>
      <c r="F225" s="96" t="s">
        <v>48</v>
      </c>
    </row>
    <row r="226" spans="1:6" customFormat="1" ht="14.65" customHeight="1">
      <c r="A226" s="92" t="s">
        <v>13</v>
      </c>
      <c r="B226" s="135">
        <v>2301768</v>
      </c>
      <c r="C226" s="93" t="s">
        <v>118</v>
      </c>
      <c r="D226" s="93" t="s">
        <v>121</v>
      </c>
      <c r="E226" s="94" t="s">
        <v>719</v>
      </c>
      <c r="F226" s="96" t="s">
        <v>48</v>
      </c>
    </row>
    <row r="227" spans="1:6" customFormat="1" ht="14.65" customHeight="1">
      <c r="A227" s="92" t="s">
        <v>13</v>
      </c>
      <c r="B227" s="135">
        <v>2302136</v>
      </c>
      <c r="C227" s="93" t="s">
        <v>118</v>
      </c>
      <c r="D227" s="93" t="s">
        <v>122</v>
      </c>
      <c r="E227" s="94" t="s">
        <v>719</v>
      </c>
      <c r="F227" s="96" t="s">
        <v>48</v>
      </c>
    </row>
    <row r="228" spans="1:6" customFormat="1" ht="14.65" customHeight="1">
      <c r="A228" s="92" t="s">
        <v>13</v>
      </c>
      <c r="B228" s="135">
        <v>2302365</v>
      </c>
      <c r="C228" s="93" t="s">
        <v>118</v>
      </c>
      <c r="D228" s="93" t="s">
        <v>123</v>
      </c>
      <c r="E228" s="94" t="s">
        <v>712</v>
      </c>
      <c r="F228" s="96" t="s">
        <v>48</v>
      </c>
    </row>
    <row r="229" spans="1:6" customFormat="1" ht="14.65" customHeight="1">
      <c r="A229" s="92" t="s">
        <v>13</v>
      </c>
      <c r="B229" s="135">
        <v>2362945</v>
      </c>
      <c r="C229" s="93" t="s">
        <v>118</v>
      </c>
      <c r="D229" s="93" t="s">
        <v>124</v>
      </c>
      <c r="E229" s="94" t="s">
        <v>713</v>
      </c>
      <c r="F229" s="96" t="s">
        <v>48</v>
      </c>
    </row>
    <row r="230" spans="1:6" customFormat="1" ht="14.65" customHeight="1">
      <c r="A230" s="92"/>
      <c r="B230" s="135"/>
      <c r="C230" s="93"/>
      <c r="D230" s="93"/>
      <c r="E230" s="94"/>
      <c r="F230" s="95"/>
    </row>
    <row r="231" spans="1:6" customFormat="1" ht="14.65" customHeight="1">
      <c r="A231" s="92" t="s">
        <v>13</v>
      </c>
      <c r="B231" s="135">
        <v>884413</v>
      </c>
      <c r="C231" s="93" t="s">
        <v>125</v>
      </c>
      <c r="D231" s="93" t="s">
        <v>120</v>
      </c>
      <c r="E231" s="94" t="s">
        <v>700</v>
      </c>
      <c r="F231" s="96" t="s">
        <v>48</v>
      </c>
    </row>
    <row r="232" spans="1:6" customFormat="1" ht="14.65" customHeight="1">
      <c r="A232" s="92" t="s">
        <v>13</v>
      </c>
      <c r="B232" s="135">
        <v>2045737</v>
      </c>
      <c r="C232" s="93" t="s">
        <v>125</v>
      </c>
      <c r="D232" s="93" t="s">
        <v>126</v>
      </c>
      <c r="E232" s="94" t="s">
        <v>685</v>
      </c>
      <c r="F232" s="96" t="s">
        <v>48</v>
      </c>
    </row>
    <row r="233" spans="1:6" customFormat="1" ht="14.65" customHeight="1">
      <c r="A233" s="92" t="s">
        <v>13</v>
      </c>
      <c r="B233" s="135">
        <v>2301776</v>
      </c>
      <c r="C233" s="93" t="s">
        <v>125</v>
      </c>
      <c r="D233" s="93" t="s">
        <v>121</v>
      </c>
      <c r="E233" s="94" t="s">
        <v>719</v>
      </c>
      <c r="F233" s="96" t="s">
        <v>48</v>
      </c>
    </row>
    <row r="234" spans="1:6" customFormat="1" ht="14.65" customHeight="1">
      <c r="A234" s="92" t="s">
        <v>13</v>
      </c>
      <c r="B234" s="135">
        <v>2302144</v>
      </c>
      <c r="C234" s="93" t="s">
        <v>125</v>
      </c>
      <c r="D234" s="93" t="s">
        <v>122</v>
      </c>
      <c r="E234" s="94" t="s">
        <v>719</v>
      </c>
      <c r="F234" s="96" t="s">
        <v>48</v>
      </c>
    </row>
    <row r="235" spans="1:6" customFormat="1" ht="14.65" customHeight="1">
      <c r="A235" s="92" t="s">
        <v>13</v>
      </c>
      <c r="B235" s="135">
        <v>2302373</v>
      </c>
      <c r="C235" s="93" t="s">
        <v>125</v>
      </c>
      <c r="D235" s="93" t="s">
        <v>123</v>
      </c>
      <c r="E235" s="94" t="s">
        <v>712</v>
      </c>
      <c r="F235" s="96" t="s">
        <v>48</v>
      </c>
    </row>
    <row r="236" spans="1:6" customFormat="1" ht="14.65" customHeight="1">
      <c r="A236" s="92" t="s">
        <v>13</v>
      </c>
      <c r="B236" s="135">
        <v>2362953</v>
      </c>
      <c r="C236" s="93" t="s">
        <v>125</v>
      </c>
      <c r="D236" s="93" t="s">
        <v>124</v>
      </c>
      <c r="E236" s="94" t="s">
        <v>713</v>
      </c>
      <c r="F236" s="96" t="s">
        <v>48</v>
      </c>
    </row>
    <row r="237" spans="1:6" customFormat="1" ht="14.65" customHeight="1">
      <c r="A237" s="92"/>
      <c r="B237" s="135"/>
      <c r="C237" s="93"/>
      <c r="D237" s="93"/>
      <c r="E237" s="94"/>
      <c r="F237" s="95"/>
    </row>
    <row r="238" spans="1:6" customFormat="1" ht="14.65" customHeight="1">
      <c r="A238" s="92" t="s">
        <v>13</v>
      </c>
      <c r="B238" s="135">
        <v>2045729</v>
      </c>
      <c r="C238" s="93" t="s">
        <v>127</v>
      </c>
      <c r="D238" s="93" t="s">
        <v>128</v>
      </c>
      <c r="E238" s="94" t="s">
        <v>685</v>
      </c>
      <c r="F238" s="96" t="s">
        <v>48</v>
      </c>
    </row>
    <row r="239" spans="1:6" customFormat="1" ht="14.65" customHeight="1">
      <c r="A239" s="92" t="s">
        <v>13</v>
      </c>
      <c r="B239" s="135">
        <v>2301784</v>
      </c>
      <c r="C239" s="93" t="s">
        <v>127</v>
      </c>
      <c r="D239" s="93" t="s">
        <v>121</v>
      </c>
      <c r="E239" s="94" t="s">
        <v>719</v>
      </c>
      <c r="F239" s="96" t="s">
        <v>48</v>
      </c>
    </row>
    <row r="240" spans="1:6" customFormat="1" ht="14.65" customHeight="1">
      <c r="A240" s="92" t="s">
        <v>13</v>
      </c>
      <c r="B240" s="135">
        <v>2302152</v>
      </c>
      <c r="C240" s="93" t="s">
        <v>127</v>
      </c>
      <c r="D240" s="93" t="s">
        <v>122</v>
      </c>
      <c r="E240" s="94" t="s">
        <v>719</v>
      </c>
      <c r="F240" s="96" t="s">
        <v>48</v>
      </c>
    </row>
    <row r="241" spans="1:6" customFormat="1" ht="14.65" customHeight="1">
      <c r="A241" s="92" t="s">
        <v>13</v>
      </c>
      <c r="B241" s="135">
        <v>2302381</v>
      </c>
      <c r="C241" s="93" t="s">
        <v>127</v>
      </c>
      <c r="D241" s="93" t="s">
        <v>123</v>
      </c>
      <c r="E241" s="94" t="s">
        <v>712</v>
      </c>
      <c r="F241" s="96" t="s">
        <v>48</v>
      </c>
    </row>
    <row r="242" spans="1:6" customFormat="1" ht="14.65" customHeight="1">
      <c r="A242" s="92" t="s">
        <v>13</v>
      </c>
      <c r="B242" s="135">
        <v>2362961</v>
      </c>
      <c r="C242" s="93" t="s">
        <v>127</v>
      </c>
      <c r="D242" s="93" t="s">
        <v>124</v>
      </c>
      <c r="E242" s="94" t="s">
        <v>713</v>
      </c>
      <c r="F242" s="96" t="s">
        <v>48</v>
      </c>
    </row>
    <row r="243" spans="1:6" customFormat="1" ht="14.65" customHeight="1">
      <c r="A243" s="92"/>
      <c r="B243" s="135"/>
      <c r="C243" s="93"/>
      <c r="D243" s="93"/>
      <c r="E243" s="94"/>
      <c r="F243" s="95"/>
    </row>
    <row r="244" spans="1:6" customFormat="1" ht="14.65" customHeight="1">
      <c r="A244" s="92" t="s">
        <v>13</v>
      </c>
      <c r="B244" s="135">
        <v>2123274</v>
      </c>
      <c r="C244" s="93" t="s">
        <v>129</v>
      </c>
      <c r="D244" s="93" t="s">
        <v>130</v>
      </c>
      <c r="E244" s="94" t="s">
        <v>716</v>
      </c>
      <c r="F244" s="96" t="s">
        <v>48</v>
      </c>
    </row>
    <row r="245" spans="1:6" customFormat="1" ht="14.65" customHeight="1">
      <c r="A245" s="92" t="s">
        <v>13</v>
      </c>
      <c r="B245" s="135">
        <v>2459817</v>
      </c>
      <c r="C245" s="93" t="s">
        <v>129</v>
      </c>
      <c r="D245" s="93" t="s">
        <v>131</v>
      </c>
      <c r="E245" s="114" t="s">
        <v>686</v>
      </c>
      <c r="F245" s="96" t="s">
        <v>48</v>
      </c>
    </row>
    <row r="246" spans="1:6" customFormat="1" ht="14.65" customHeight="1">
      <c r="A246" s="92" t="s">
        <v>13</v>
      </c>
      <c r="B246" s="135">
        <v>2470225</v>
      </c>
      <c r="C246" s="93" t="s">
        <v>129</v>
      </c>
      <c r="D246" s="93" t="s">
        <v>132</v>
      </c>
      <c r="E246" s="114" t="s">
        <v>712</v>
      </c>
      <c r="F246" s="96" t="s">
        <v>48</v>
      </c>
    </row>
    <row r="247" spans="1:6" customFormat="1" ht="14.65" customHeight="1">
      <c r="A247" s="92" t="s">
        <v>13</v>
      </c>
      <c r="B247" s="135">
        <v>2470675</v>
      </c>
      <c r="C247" s="93" t="s">
        <v>129</v>
      </c>
      <c r="D247" s="93" t="s">
        <v>133</v>
      </c>
      <c r="E247" s="114" t="s">
        <v>709</v>
      </c>
      <c r="F247" s="96" t="s">
        <v>48</v>
      </c>
    </row>
    <row r="248" spans="1:6" customFormat="1" ht="14.65" customHeight="1">
      <c r="A248" s="92" t="s">
        <v>13</v>
      </c>
      <c r="B248" s="135">
        <v>2289261</v>
      </c>
      <c r="C248" s="93" t="s">
        <v>129</v>
      </c>
      <c r="D248" s="93" t="s">
        <v>134</v>
      </c>
      <c r="E248" s="114" t="s">
        <v>683</v>
      </c>
      <c r="F248" s="96" t="s">
        <v>48</v>
      </c>
    </row>
    <row r="249" spans="1:6" customFormat="1" ht="14.65" customHeight="1">
      <c r="A249" s="92" t="s">
        <v>13</v>
      </c>
      <c r="B249" s="135">
        <v>2464985</v>
      </c>
      <c r="C249" s="93" t="s">
        <v>129</v>
      </c>
      <c r="D249" s="93" t="s">
        <v>135</v>
      </c>
      <c r="E249" s="114" t="s">
        <v>719</v>
      </c>
      <c r="F249" s="96" t="s">
        <v>48</v>
      </c>
    </row>
    <row r="250" spans="1:6" customFormat="1" ht="14.65" customHeight="1">
      <c r="A250" s="92" t="s">
        <v>13</v>
      </c>
      <c r="B250" s="135">
        <v>2479877</v>
      </c>
      <c r="C250" s="93" t="s">
        <v>129</v>
      </c>
      <c r="D250" s="93" t="s">
        <v>136</v>
      </c>
      <c r="E250" s="114" t="s">
        <v>717</v>
      </c>
      <c r="F250" s="96" t="s">
        <v>48</v>
      </c>
    </row>
    <row r="251" spans="1:6" customFormat="1" ht="14.65" customHeight="1">
      <c r="A251" s="104" t="s">
        <v>13</v>
      </c>
      <c r="B251" s="138">
        <v>2476762</v>
      </c>
      <c r="C251" s="95" t="s">
        <v>129</v>
      </c>
      <c r="D251" s="115" t="s">
        <v>139</v>
      </c>
      <c r="E251" s="99" t="s">
        <v>701</v>
      </c>
      <c r="F251" s="106" t="s">
        <v>48</v>
      </c>
    </row>
    <row r="252" spans="1:6" customFormat="1" ht="14.65" customHeight="1">
      <c r="A252" s="104" t="s">
        <v>13</v>
      </c>
      <c r="B252" s="138">
        <v>2481634</v>
      </c>
      <c r="C252" s="115" t="s">
        <v>129</v>
      </c>
      <c r="D252" s="98" t="s">
        <v>136</v>
      </c>
      <c r="E252" s="108" t="s">
        <v>713</v>
      </c>
      <c r="F252" s="106" t="s">
        <v>48</v>
      </c>
    </row>
    <row r="253" spans="1:6" customFormat="1" ht="14.65" customHeight="1">
      <c r="A253" s="104" t="s">
        <v>13</v>
      </c>
      <c r="B253" s="138">
        <v>2474824</v>
      </c>
      <c r="C253" s="107" t="s">
        <v>129</v>
      </c>
      <c r="D253" s="107" t="s">
        <v>607</v>
      </c>
      <c r="E253" s="108" t="s">
        <v>699</v>
      </c>
      <c r="F253" s="106" t="s">
        <v>48</v>
      </c>
    </row>
    <row r="254" spans="1:6" customFormat="1" ht="14.65" customHeight="1">
      <c r="A254" s="104" t="s">
        <v>13</v>
      </c>
      <c r="B254" s="138">
        <v>2477009</v>
      </c>
      <c r="C254" s="107" t="s">
        <v>129</v>
      </c>
      <c r="D254" s="107" t="s">
        <v>608</v>
      </c>
      <c r="E254" s="108" t="s">
        <v>695</v>
      </c>
      <c r="F254" s="106" t="s">
        <v>48</v>
      </c>
    </row>
    <row r="255" spans="1:6" customFormat="1" ht="14.65" customHeight="1">
      <c r="A255" s="104" t="s">
        <v>13</v>
      </c>
      <c r="B255" s="140">
        <v>2489015</v>
      </c>
      <c r="C255" s="116" t="s">
        <v>129</v>
      </c>
      <c r="D255" s="117" t="s">
        <v>634</v>
      </c>
      <c r="E255" s="113" t="s">
        <v>703</v>
      </c>
      <c r="F255" s="106" t="s">
        <v>48</v>
      </c>
    </row>
    <row r="256" spans="1:6" customFormat="1" ht="14.65" customHeight="1">
      <c r="A256" s="104" t="s">
        <v>13</v>
      </c>
      <c r="B256" s="136">
        <v>2482924</v>
      </c>
      <c r="C256" s="95" t="s">
        <v>129</v>
      </c>
      <c r="D256" s="98" t="s">
        <v>650</v>
      </c>
      <c r="E256" s="105" t="s">
        <v>698</v>
      </c>
      <c r="F256" s="106" t="s">
        <v>48</v>
      </c>
    </row>
    <row r="257" spans="1:6" customFormat="1" ht="14.65" customHeight="1">
      <c r="A257" s="104" t="s">
        <v>13</v>
      </c>
      <c r="B257" s="136">
        <v>2527200</v>
      </c>
      <c r="C257" s="95" t="s">
        <v>129</v>
      </c>
      <c r="D257" s="98" t="s">
        <v>671</v>
      </c>
      <c r="E257" s="105" t="s">
        <v>695</v>
      </c>
      <c r="F257" s="106" t="s">
        <v>48</v>
      </c>
    </row>
    <row r="258" spans="1:6" customFormat="1" ht="14.65" customHeight="1">
      <c r="A258" s="118"/>
      <c r="B258" s="141"/>
      <c r="C258" s="119"/>
      <c r="D258" s="119"/>
      <c r="E258" s="120"/>
      <c r="F258" s="121"/>
    </row>
    <row r="259" spans="1:6" customFormat="1" ht="14.65" customHeight="1">
      <c r="A259" s="92" t="s">
        <v>13</v>
      </c>
      <c r="B259" s="135">
        <v>2123282</v>
      </c>
      <c r="C259" s="93" t="s">
        <v>137</v>
      </c>
      <c r="D259" s="93" t="s">
        <v>138</v>
      </c>
      <c r="E259" s="94" t="s">
        <v>716</v>
      </c>
      <c r="F259" s="96" t="s">
        <v>48</v>
      </c>
    </row>
    <row r="260" spans="1:6" customFormat="1" ht="14.65" customHeight="1">
      <c r="A260" s="104" t="s">
        <v>13</v>
      </c>
      <c r="B260" s="142">
        <v>2459825</v>
      </c>
      <c r="C260" s="122" t="s">
        <v>137</v>
      </c>
      <c r="D260" s="122" t="s">
        <v>131</v>
      </c>
      <c r="E260" s="114" t="s">
        <v>686</v>
      </c>
      <c r="F260" s="106" t="s">
        <v>48</v>
      </c>
    </row>
    <row r="261" spans="1:6" customFormat="1" ht="14.65" customHeight="1">
      <c r="A261" s="104" t="s">
        <v>13</v>
      </c>
      <c r="B261" s="142">
        <v>2470233</v>
      </c>
      <c r="C261" s="122" t="s">
        <v>137</v>
      </c>
      <c r="D261" s="122" t="s">
        <v>132</v>
      </c>
      <c r="E261" s="114" t="s">
        <v>712</v>
      </c>
      <c r="F261" s="106" t="s">
        <v>48</v>
      </c>
    </row>
    <row r="262" spans="1:6" customFormat="1" ht="14.65" customHeight="1">
      <c r="A262" s="104" t="s">
        <v>13</v>
      </c>
      <c r="B262" s="142">
        <v>2470683</v>
      </c>
      <c r="C262" s="122" t="s">
        <v>137</v>
      </c>
      <c r="D262" s="122" t="s">
        <v>133</v>
      </c>
      <c r="E262" s="114" t="s">
        <v>709</v>
      </c>
      <c r="F262" s="106" t="s">
        <v>48</v>
      </c>
    </row>
    <row r="263" spans="1:6" customFormat="1" ht="14.65" customHeight="1">
      <c r="A263" s="104" t="s">
        <v>13</v>
      </c>
      <c r="B263" s="142">
        <v>2289288</v>
      </c>
      <c r="C263" s="122" t="s">
        <v>137</v>
      </c>
      <c r="D263" s="122" t="s">
        <v>134</v>
      </c>
      <c r="E263" s="114" t="s">
        <v>683</v>
      </c>
      <c r="F263" s="106" t="s">
        <v>48</v>
      </c>
    </row>
    <row r="264" spans="1:6" customFormat="1" ht="14.65" customHeight="1">
      <c r="A264" s="104" t="s">
        <v>13</v>
      </c>
      <c r="B264" s="142">
        <v>2464993</v>
      </c>
      <c r="C264" s="122" t="s">
        <v>137</v>
      </c>
      <c r="D264" s="122" t="s">
        <v>135</v>
      </c>
      <c r="E264" s="114" t="s">
        <v>719</v>
      </c>
      <c r="F264" s="106" t="s">
        <v>48</v>
      </c>
    </row>
    <row r="265" spans="1:6" customFormat="1" ht="14.65" customHeight="1">
      <c r="A265" s="104" t="s">
        <v>13</v>
      </c>
      <c r="B265" s="142">
        <v>2476770</v>
      </c>
      <c r="C265" s="122" t="s">
        <v>137</v>
      </c>
      <c r="D265" s="122" t="s">
        <v>139</v>
      </c>
      <c r="E265" s="114" t="s">
        <v>701</v>
      </c>
      <c r="F265" s="106" t="s">
        <v>48</v>
      </c>
    </row>
    <row r="266" spans="1:6" customFormat="1" ht="14.65" customHeight="1">
      <c r="A266" s="104" t="s">
        <v>13</v>
      </c>
      <c r="B266" s="142">
        <v>2477017</v>
      </c>
      <c r="C266" s="122" t="s">
        <v>137</v>
      </c>
      <c r="D266" s="122" t="s">
        <v>608</v>
      </c>
      <c r="E266" s="114" t="s">
        <v>695</v>
      </c>
      <c r="F266" s="106" t="s">
        <v>48</v>
      </c>
    </row>
    <row r="267" spans="1:6" customFormat="1" ht="14.65" customHeight="1">
      <c r="A267" s="104" t="s">
        <v>13</v>
      </c>
      <c r="B267" s="142">
        <v>2479885</v>
      </c>
      <c r="C267" s="122" t="s">
        <v>137</v>
      </c>
      <c r="D267" s="122" t="s">
        <v>136</v>
      </c>
      <c r="E267" s="114" t="s">
        <v>717</v>
      </c>
      <c r="F267" s="106" t="s">
        <v>48</v>
      </c>
    </row>
    <row r="268" spans="1:6" customFormat="1" ht="14.65" customHeight="1">
      <c r="A268" s="104" t="s">
        <v>13</v>
      </c>
      <c r="B268" s="138">
        <v>2481642</v>
      </c>
      <c r="C268" s="115" t="s">
        <v>137</v>
      </c>
      <c r="D268" s="115" t="s">
        <v>136</v>
      </c>
      <c r="E268" s="108" t="s">
        <v>713</v>
      </c>
      <c r="F268" s="106" t="s">
        <v>48</v>
      </c>
    </row>
    <row r="269" spans="1:6" customFormat="1" ht="14.65" customHeight="1">
      <c r="A269" s="104" t="s">
        <v>13</v>
      </c>
      <c r="B269" s="138">
        <v>2474832</v>
      </c>
      <c r="C269" s="115" t="s">
        <v>137</v>
      </c>
      <c r="D269" s="115" t="s">
        <v>607</v>
      </c>
      <c r="E269" s="108" t="s">
        <v>699</v>
      </c>
      <c r="F269" s="106" t="s">
        <v>48</v>
      </c>
    </row>
    <row r="270" spans="1:6" customFormat="1" ht="14.65" customHeight="1">
      <c r="A270" s="104" t="s">
        <v>13</v>
      </c>
      <c r="B270" s="136">
        <v>2489023</v>
      </c>
      <c r="C270" s="95" t="s">
        <v>137</v>
      </c>
      <c r="D270" s="98" t="s">
        <v>634</v>
      </c>
      <c r="E270" s="105" t="s">
        <v>703</v>
      </c>
      <c r="F270" s="106" t="s">
        <v>48</v>
      </c>
    </row>
    <row r="271" spans="1:6" customFormat="1" ht="14.65" customHeight="1">
      <c r="A271" s="104" t="s">
        <v>13</v>
      </c>
      <c r="B271" s="143">
        <v>2482932</v>
      </c>
      <c r="C271" s="98" t="s">
        <v>137</v>
      </c>
      <c r="D271" s="98" t="s">
        <v>650</v>
      </c>
      <c r="E271" s="105" t="s">
        <v>698</v>
      </c>
      <c r="F271" s="106" t="s">
        <v>48</v>
      </c>
    </row>
    <row r="272" spans="1:6" customFormat="1" ht="14.65" customHeight="1">
      <c r="A272" s="104" t="s">
        <v>13</v>
      </c>
      <c r="B272" s="143">
        <v>2527219</v>
      </c>
      <c r="C272" s="98" t="s">
        <v>137</v>
      </c>
      <c r="D272" s="98" t="s">
        <v>671</v>
      </c>
      <c r="E272" s="105" t="s">
        <v>695</v>
      </c>
      <c r="F272" s="106" t="s">
        <v>48</v>
      </c>
    </row>
    <row r="273" spans="1:6" customFormat="1" ht="14.65" customHeight="1">
      <c r="A273" s="104"/>
      <c r="B273" s="142"/>
      <c r="C273" s="122"/>
      <c r="D273" s="122"/>
      <c r="E273" s="114"/>
      <c r="F273" s="106"/>
    </row>
    <row r="274" spans="1:6" customFormat="1" ht="14.65" customHeight="1">
      <c r="A274" s="92" t="s">
        <v>13</v>
      </c>
      <c r="B274" s="135">
        <v>2246624</v>
      </c>
      <c r="C274" s="93" t="s">
        <v>140</v>
      </c>
      <c r="D274" s="93" t="s">
        <v>141</v>
      </c>
      <c r="E274" s="94" t="s">
        <v>716</v>
      </c>
      <c r="F274" s="96" t="s">
        <v>48</v>
      </c>
    </row>
    <row r="275" spans="1:6" customFormat="1" ht="14.65" customHeight="1">
      <c r="A275" s="104" t="s">
        <v>13</v>
      </c>
      <c r="B275" s="142">
        <v>2459833</v>
      </c>
      <c r="C275" s="122" t="s">
        <v>140</v>
      </c>
      <c r="D275" s="122" t="s">
        <v>131</v>
      </c>
      <c r="E275" s="114" t="s">
        <v>686</v>
      </c>
      <c r="F275" s="106" t="s">
        <v>48</v>
      </c>
    </row>
    <row r="276" spans="1:6" customFormat="1" ht="14.65" customHeight="1">
      <c r="A276" s="104" t="s">
        <v>13</v>
      </c>
      <c r="B276" s="142">
        <v>2470241</v>
      </c>
      <c r="C276" s="122" t="s">
        <v>140</v>
      </c>
      <c r="D276" s="122" t="s">
        <v>132</v>
      </c>
      <c r="E276" s="114" t="s">
        <v>712</v>
      </c>
      <c r="F276" s="106" t="s">
        <v>48</v>
      </c>
    </row>
    <row r="277" spans="1:6" customFormat="1" ht="14.65" customHeight="1">
      <c r="A277" s="104" t="s">
        <v>13</v>
      </c>
      <c r="B277" s="142">
        <v>2470691</v>
      </c>
      <c r="C277" s="122" t="s">
        <v>140</v>
      </c>
      <c r="D277" s="122" t="s">
        <v>133</v>
      </c>
      <c r="E277" s="114" t="s">
        <v>709</v>
      </c>
      <c r="F277" s="106" t="s">
        <v>48</v>
      </c>
    </row>
    <row r="278" spans="1:6" customFormat="1" ht="14.65" customHeight="1">
      <c r="A278" s="104" t="s">
        <v>13</v>
      </c>
      <c r="B278" s="142">
        <v>2289296</v>
      </c>
      <c r="C278" s="122" t="s">
        <v>140</v>
      </c>
      <c r="D278" s="122" t="s">
        <v>134</v>
      </c>
      <c r="E278" s="114" t="s">
        <v>683</v>
      </c>
      <c r="F278" s="106" t="s">
        <v>48</v>
      </c>
    </row>
    <row r="279" spans="1:6" customFormat="1" ht="14.65" customHeight="1">
      <c r="A279" s="104" t="s">
        <v>13</v>
      </c>
      <c r="B279" s="142">
        <v>2465000</v>
      </c>
      <c r="C279" s="122" t="s">
        <v>140</v>
      </c>
      <c r="D279" s="122" t="s">
        <v>135</v>
      </c>
      <c r="E279" s="114" t="s">
        <v>719</v>
      </c>
      <c r="F279" s="106" t="s">
        <v>48</v>
      </c>
    </row>
    <row r="280" spans="1:6" customFormat="1" ht="14.65" customHeight="1">
      <c r="A280" s="104" t="s">
        <v>13</v>
      </c>
      <c r="B280" s="142">
        <v>2476789</v>
      </c>
      <c r="C280" s="122" t="s">
        <v>140</v>
      </c>
      <c r="D280" s="122" t="s">
        <v>139</v>
      </c>
      <c r="E280" s="114" t="s">
        <v>701</v>
      </c>
      <c r="F280" s="106" t="s">
        <v>48</v>
      </c>
    </row>
    <row r="281" spans="1:6" customFormat="1" ht="14.65" customHeight="1">
      <c r="A281" s="104" t="s">
        <v>13</v>
      </c>
      <c r="B281" s="142">
        <v>2477025</v>
      </c>
      <c r="C281" s="122" t="s">
        <v>140</v>
      </c>
      <c r="D281" s="122" t="s">
        <v>608</v>
      </c>
      <c r="E281" s="114" t="s">
        <v>695</v>
      </c>
      <c r="F281" s="106" t="s">
        <v>48</v>
      </c>
    </row>
    <row r="282" spans="1:6" customFormat="1" ht="14.65" customHeight="1">
      <c r="A282" s="104" t="s">
        <v>13</v>
      </c>
      <c r="B282" s="142">
        <v>2479893</v>
      </c>
      <c r="C282" s="122" t="s">
        <v>140</v>
      </c>
      <c r="D282" s="122" t="s">
        <v>136</v>
      </c>
      <c r="E282" s="114" t="s">
        <v>717</v>
      </c>
      <c r="F282" s="106" t="s">
        <v>48</v>
      </c>
    </row>
    <row r="283" spans="1:6" customFormat="1" ht="14.65" customHeight="1">
      <c r="A283" s="104" t="s">
        <v>13</v>
      </c>
      <c r="B283" s="138">
        <v>2481650</v>
      </c>
      <c r="C283" s="98" t="s">
        <v>140</v>
      </c>
      <c r="D283" s="98" t="s">
        <v>136</v>
      </c>
      <c r="E283" s="108" t="s">
        <v>713</v>
      </c>
      <c r="F283" s="106" t="s">
        <v>48</v>
      </c>
    </row>
    <row r="284" spans="1:6" customFormat="1" ht="14.65" customHeight="1">
      <c r="A284" s="104" t="s">
        <v>13</v>
      </c>
      <c r="B284" s="138">
        <v>2474840</v>
      </c>
      <c r="C284" s="115" t="s">
        <v>140</v>
      </c>
      <c r="D284" s="115" t="s">
        <v>607</v>
      </c>
      <c r="E284" s="108" t="s">
        <v>699</v>
      </c>
      <c r="F284" s="106" t="s">
        <v>48</v>
      </c>
    </row>
    <row r="285" spans="1:6" customFormat="1" ht="14.65" customHeight="1">
      <c r="A285" s="104" t="s">
        <v>13</v>
      </c>
      <c r="B285" s="136">
        <v>2489031</v>
      </c>
      <c r="C285" s="95" t="s">
        <v>140</v>
      </c>
      <c r="D285" s="98" t="s">
        <v>634</v>
      </c>
      <c r="E285" s="105" t="s">
        <v>703</v>
      </c>
      <c r="F285" s="106" t="s">
        <v>48</v>
      </c>
    </row>
    <row r="286" spans="1:6" customFormat="1" ht="14.65" customHeight="1">
      <c r="A286" s="104" t="s">
        <v>13</v>
      </c>
      <c r="B286" s="143">
        <v>2482940</v>
      </c>
      <c r="C286" s="98" t="s">
        <v>140</v>
      </c>
      <c r="D286" s="98" t="s">
        <v>650</v>
      </c>
      <c r="E286" s="105" t="s">
        <v>698</v>
      </c>
      <c r="F286" s="106" t="s">
        <v>48</v>
      </c>
    </row>
    <row r="287" spans="1:6" customFormat="1" ht="14.65" customHeight="1">
      <c r="A287" s="97" t="s">
        <v>13</v>
      </c>
      <c r="B287" s="143">
        <v>2527227</v>
      </c>
      <c r="C287" s="95" t="s">
        <v>140</v>
      </c>
      <c r="D287" s="95" t="s">
        <v>671</v>
      </c>
      <c r="E287" s="105" t="s">
        <v>695</v>
      </c>
      <c r="F287" s="95" t="s">
        <v>48</v>
      </c>
    </row>
    <row r="288" spans="1:6" customFormat="1" ht="14.65" customHeight="1">
      <c r="A288" s="92"/>
      <c r="B288" s="135"/>
      <c r="C288" s="93"/>
      <c r="D288" s="93"/>
      <c r="E288" s="94"/>
      <c r="F288" s="95"/>
    </row>
    <row r="289" spans="1:7" customFormat="1" ht="14.65" customHeight="1">
      <c r="A289" s="92" t="s">
        <v>13</v>
      </c>
      <c r="B289" s="135">
        <v>1947664</v>
      </c>
      <c r="C289" s="93" t="s">
        <v>150</v>
      </c>
      <c r="D289" s="93" t="s">
        <v>151</v>
      </c>
      <c r="E289" s="94" t="s">
        <v>707</v>
      </c>
      <c r="F289" s="96" t="s">
        <v>48</v>
      </c>
    </row>
    <row r="290" spans="1:7" customFormat="1" ht="14.65" customHeight="1">
      <c r="A290" s="92" t="s">
        <v>13</v>
      </c>
      <c r="B290" s="135">
        <v>2248499</v>
      </c>
      <c r="C290" s="93" t="s">
        <v>150</v>
      </c>
      <c r="D290" s="93" t="s">
        <v>144</v>
      </c>
      <c r="E290" s="94" t="s">
        <v>683</v>
      </c>
      <c r="F290" s="96" t="s">
        <v>48</v>
      </c>
    </row>
    <row r="291" spans="1:7" customFormat="1" ht="14.65" customHeight="1">
      <c r="A291" s="92" t="s">
        <v>13</v>
      </c>
      <c r="B291" s="135">
        <v>2340550</v>
      </c>
      <c r="C291" s="93" t="s">
        <v>150</v>
      </c>
      <c r="D291" s="93" t="s">
        <v>145</v>
      </c>
      <c r="E291" s="100" t="s">
        <v>709</v>
      </c>
      <c r="F291" s="96" t="s">
        <v>48</v>
      </c>
    </row>
    <row r="292" spans="1:7" customFormat="1" ht="14.65" customHeight="1">
      <c r="A292" s="92"/>
      <c r="B292" s="135"/>
      <c r="C292" s="93"/>
      <c r="D292" s="93"/>
      <c r="E292" s="94"/>
      <c r="F292" s="95"/>
    </row>
    <row r="293" spans="1:7" customFormat="1" ht="14.65" customHeight="1">
      <c r="A293" s="92" t="s">
        <v>13</v>
      </c>
      <c r="B293" s="135">
        <v>1947672</v>
      </c>
      <c r="C293" s="93" t="s">
        <v>142</v>
      </c>
      <c r="D293" s="93" t="s">
        <v>143</v>
      </c>
      <c r="E293" s="94" t="s">
        <v>707</v>
      </c>
      <c r="F293" s="96" t="s">
        <v>48</v>
      </c>
    </row>
    <row r="294" spans="1:7" customFormat="1" ht="14.65" customHeight="1">
      <c r="A294" s="92" t="s">
        <v>13</v>
      </c>
      <c r="B294" s="135">
        <v>2248500</v>
      </c>
      <c r="C294" s="93" t="s">
        <v>142</v>
      </c>
      <c r="D294" s="93" t="s">
        <v>144</v>
      </c>
      <c r="E294" s="94" t="s">
        <v>683</v>
      </c>
      <c r="F294" s="96" t="s">
        <v>48</v>
      </c>
    </row>
    <row r="295" spans="1:7" customFormat="1" ht="14.65" customHeight="1">
      <c r="A295" s="92" t="s">
        <v>13</v>
      </c>
      <c r="B295" s="135">
        <v>2340569</v>
      </c>
      <c r="C295" s="93" t="s">
        <v>142</v>
      </c>
      <c r="D295" s="93" t="s">
        <v>145</v>
      </c>
      <c r="E295" s="100" t="s">
        <v>709</v>
      </c>
      <c r="F295" s="96" t="s">
        <v>48</v>
      </c>
    </row>
    <row r="296" spans="1:7">
      <c r="A296" s="88" t="s">
        <v>13</v>
      </c>
      <c r="B296" s="136">
        <v>2517450</v>
      </c>
      <c r="C296" s="95" t="s">
        <v>142</v>
      </c>
      <c r="D296" s="98" t="s">
        <v>721</v>
      </c>
      <c r="E296" s="97" t="s">
        <v>695</v>
      </c>
      <c r="F296" s="98" t="s">
        <v>48</v>
      </c>
      <c r="G296" s="168"/>
    </row>
    <row r="297" spans="1:7" customFormat="1" ht="14.65" customHeight="1">
      <c r="A297" s="92"/>
      <c r="B297" s="135"/>
      <c r="C297" s="93"/>
      <c r="D297" s="93"/>
      <c r="E297" s="94"/>
      <c r="F297" s="95"/>
    </row>
    <row r="298" spans="1:7" customFormat="1" ht="14.65" customHeight="1">
      <c r="A298" s="92" t="s">
        <v>13</v>
      </c>
      <c r="B298" s="135">
        <v>1947680</v>
      </c>
      <c r="C298" s="93" t="s">
        <v>146</v>
      </c>
      <c r="D298" s="93" t="s">
        <v>147</v>
      </c>
      <c r="E298" s="94" t="s">
        <v>707</v>
      </c>
      <c r="F298" s="96" t="s">
        <v>48</v>
      </c>
    </row>
    <row r="299" spans="1:7" customFormat="1" ht="14.65" customHeight="1">
      <c r="A299" s="92" t="s">
        <v>13</v>
      </c>
      <c r="B299" s="135">
        <v>2340577</v>
      </c>
      <c r="C299" s="93" t="s">
        <v>146</v>
      </c>
      <c r="D299" s="93" t="s">
        <v>145</v>
      </c>
      <c r="E299" s="100" t="s">
        <v>709</v>
      </c>
      <c r="F299" s="96" t="s">
        <v>48</v>
      </c>
    </row>
    <row r="300" spans="1:7">
      <c r="A300" s="88" t="s">
        <v>13</v>
      </c>
      <c r="B300" s="136">
        <v>2517469</v>
      </c>
      <c r="C300" s="95" t="s">
        <v>146</v>
      </c>
      <c r="D300" s="98" t="s">
        <v>721</v>
      </c>
      <c r="E300" s="97" t="s">
        <v>695</v>
      </c>
      <c r="F300" s="98" t="s">
        <v>48</v>
      </c>
      <c r="G300" s="168"/>
    </row>
    <row r="301" spans="1:7" customFormat="1" ht="14.65" customHeight="1">
      <c r="A301" s="92"/>
      <c r="B301" s="135"/>
      <c r="C301" s="93"/>
      <c r="D301" s="93"/>
      <c r="E301" s="94"/>
      <c r="F301" s="95"/>
    </row>
    <row r="302" spans="1:7" customFormat="1" ht="14.65" customHeight="1">
      <c r="A302" s="92" t="s">
        <v>13</v>
      </c>
      <c r="B302" s="135">
        <v>1947699</v>
      </c>
      <c r="C302" s="93" t="s">
        <v>148</v>
      </c>
      <c r="D302" s="93" t="s">
        <v>149</v>
      </c>
      <c r="E302" s="94" t="s">
        <v>707</v>
      </c>
      <c r="F302" s="96" t="s">
        <v>48</v>
      </c>
    </row>
    <row r="303" spans="1:7" customFormat="1" ht="14.65" customHeight="1">
      <c r="A303" s="92" t="s">
        <v>13</v>
      </c>
      <c r="B303" s="135">
        <v>2340585</v>
      </c>
      <c r="C303" s="93" t="s">
        <v>148</v>
      </c>
      <c r="D303" s="93" t="s">
        <v>145</v>
      </c>
      <c r="E303" s="100" t="s">
        <v>709</v>
      </c>
      <c r="F303" s="96" t="s">
        <v>48</v>
      </c>
    </row>
    <row r="304" spans="1:7">
      <c r="A304" s="88" t="s">
        <v>13</v>
      </c>
      <c r="B304" s="136">
        <v>2517477</v>
      </c>
      <c r="C304" s="95" t="s">
        <v>148</v>
      </c>
      <c r="D304" s="98" t="s">
        <v>721</v>
      </c>
      <c r="E304" s="97" t="s">
        <v>695</v>
      </c>
      <c r="F304" s="98" t="s">
        <v>48</v>
      </c>
      <c r="G304" s="168"/>
    </row>
    <row r="305" spans="1:7" customFormat="1" ht="14.65" customHeight="1">
      <c r="A305" s="92"/>
      <c r="B305" s="135"/>
      <c r="C305" s="93"/>
      <c r="D305" s="93"/>
      <c r="E305" s="94"/>
      <c r="F305" s="95"/>
    </row>
    <row r="306" spans="1:7" customFormat="1" ht="14.65" customHeight="1">
      <c r="A306" s="92" t="s">
        <v>13</v>
      </c>
      <c r="B306" s="135">
        <v>2237367</v>
      </c>
      <c r="C306" s="93" t="s">
        <v>152</v>
      </c>
      <c r="D306" s="93" t="s">
        <v>153</v>
      </c>
      <c r="E306" s="94" t="s">
        <v>707</v>
      </c>
      <c r="F306" s="96" t="s">
        <v>48</v>
      </c>
    </row>
    <row r="307" spans="1:7" customFormat="1" ht="14.65" customHeight="1">
      <c r="A307" s="92" t="s">
        <v>13</v>
      </c>
      <c r="B307" s="135">
        <v>2408767</v>
      </c>
      <c r="C307" s="93" t="s">
        <v>152</v>
      </c>
      <c r="D307" s="93" t="s">
        <v>154</v>
      </c>
      <c r="E307" s="94" t="s">
        <v>683</v>
      </c>
      <c r="F307" s="96" t="s">
        <v>48</v>
      </c>
    </row>
    <row r="308" spans="1:7" customFormat="1" ht="14.65" customHeight="1">
      <c r="A308" s="92" t="s">
        <v>13</v>
      </c>
      <c r="B308" s="138">
        <v>2473291</v>
      </c>
      <c r="C308" s="107" t="s">
        <v>152</v>
      </c>
      <c r="D308" s="107" t="s">
        <v>155</v>
      </c>
      <c r="E308" s="108" t="s">
        <v>686</v>
      </c>
      <c r="F308" s="96" t="s">
        <v>48</v>
      </c>
    </row>
    <row r="309" spans="1:7" customFormat="1" ht="14.65" customHeight="1">
      <c r="A309" s="104" t="s">
        <v>13</v>
      </c>
      <c r="B309" s="138">
        <v>2547430</v>
      </c>
      <c r="C309" s="107" t="s">
        <v>152</v>
      </c>
      <c r="D309" s="107" t="s">
        <v>727</v>
      </c>
      <c r="E309" s="108" t="s">
        <v>695</v>
      </c>
      <c r="F309" s="106" t="s">
        <v>48</v>
      </c>
      <c r="G309" s="186"/>
    </row>
    <row r="310" spans="1:7" customFormat="1" ht="14.65" customHeight="1">
      <c r="A310" s="92"/>
      <c r="B310" s="135"/>
      <c r="C310" s="93"/>
      <c r="D310" s="93"/>
      <c r="E310" s="94"/>
      <c r="F310" s="95"/>
    </row>
    <row r="311" spans="1:7" customFormat="1" ht="14.65" customHeight="1">
      <c r="A311" s="92" t="s">
        <v>13</v>
      </c>
      <c r="B311" s="135">
        <v>2237368</v>
      </c>
      <c r="C311" s="93" t="s">
        <v>156</v>
      </c>
      <c r="D311" s="93" t="s">
        <v>157</v>
      </c>
      <c r="E311" s="94" t="s">
        <v>707</v>
      </c>
      <c r="F311" s="96" t="s">
        <v>48</v>
      </c>
    </row>
    <row r="312" spans="1:7" customFormat="1" ht="14.65" customHeight="1">
      <c r="A312" s="92" t="s">
        <v>13</v>
      </c>
      <c r="B312" s="135">
        <v>2408775</v>
      </c>
      <c r="C312" s="93" t="s">
        <v>156</v>
      </c>
      <c r="D312" s="93" t="s">
        <v>154</v>
      </c>
      <c r="E312" s="94" t="s">
        <v>683</v>
      </c>
      <c r="F312" s="96" t="s">
        <v>48</v>
      </c>
    </row>
    <row r="313" spans="1:7" customFormat="1" ht="14.65" customHeight="1">
      <c r="A313" s="92" t="s">
        <v>13</v>
      </c>
      <c r="B313" s="138">
        <v>2473305</v>
      </c>
      <c r="C313" s="107" t="s">
        <v>156</v>
      </c>
      <c r="D313" s="107" t="s">
        <v>155</v>
      </c>
      <c r="E313" s="108" t="s">
        <v>686</v>
      </c>
      <c r="F313" s="96" t="s">
        <v>48</v>
      </c>
    </row>
    <row r="314" spans="1:7" customFormat="1" ht="14.65" customHeight="1">
      <c r="A314" s="92"/>
      <c r="B314" s="135"/>
      <c r="C314" s="93"/>
      <c r="D314" s="93"/>
      <c r="E314" s="94"/>
      <c r="F314" s="95"/>
    </row>
    <row r="315" spans="1:7" customFormat="1" ht="14.65" customHeight="1">
      <c r="A315" s="92" t="s">
        <v>13</v>
      </c>
      <c r="B315" s="135">
        <v>2237369</v>
      </c>
      <c r="C315" s="93" t="s">
        <v>158</v>
      </c>
      <c r="D315" s="93" t="s">
        <v>159</v>
      </c>
      <c r="E315" s="94" t="s">
        <v>707</v>
      </c>
      <c r="F315" s="96" t="s">
        <v>48</v>
      </c>
    </row>
    <row r="316" spans="1:7" customFormat="1" ht="14.65" customHeight="1">
      <c r="A316" s="92" t="s">
        <v>13</v>
      </c>
      <c r="B316" s="135">
        <v>2408783</v>
      </c>
      <c r="C316" s="93" t="s">
        <v>158</v>
      </c>
      <c r="D316" s="93" t="s">
        <v>154</v>
      </c>
      <c r="E316" s="94" t="s">
        <v>683</v>
      </c>
      <c r="F316" s="96" t="s">
        <v>48</v>
      </c>
    </row>
    <row r="317" spans="1:7" customFormat="1" ht="14.65" customHeight="1">
      <c r="A317" s="92" t="s">
        <v>13</v>
      </c>
      <c r="B317" s="135">
        <v>2473321</v>
      </c>
      <c r="C317" s="107" t="s">
        <v>158</v>
      </c>
      <c r="D317" s="107" t="s">
        <v>155</v>
      </c>
      <c r="E317" s="108" t="s">
        <v>686</v>
      </c>
      <c r="F317" s="96" t="s">
        <v>48</v>
      </c>
    </row>
    <row r="318" spans="1:7" customFormat="1" ht="14.65" customHeight="1">
      <c r="A318" s="104" t="s">
        <v>13</v>
      </c>
      <c r="B318" s="142">
        <v>2547449</v>
      </c>
      <c r="C318" s="107" t="s">
        <v>158</v>
      </c>
      <c r="D318" s="107" t="s">
        <v>727</v>
      </c>
      <c r="E318" s="108" t="s">
        <v>695</v>
      </c>
      <c r="F318" s="106" t="s">
        <v>48</v>
      </c>
      <c r="G318" s="186"/>
    </row>
    <row r="319" spans="1:7" customFormat="1" ht="14.65" customHeight="1">
      <c r="A319" s="92"/>
      <c r="B319" s="135"/>
      <c r="C319" s="93"/>
      <c r="D319" s="93"/>
      <c r="E319" s="94"/>
      <c r="F319" s="96"/>
    </row>
    <row r="320" spans="1:7" customFormat="1" ht="14.65" customHeight="1">
      <c r="A320" s="92" t="s">
        <v>13</v>
      </c>
      <c r="B320" s="135">
        <v>2231457</v>
      </c>
      <c r="C320" s="93" t="s">
        <v>160</v>
      </c>
      <c r="D320" s="93" t="s">
        <v>161</v>
      </c>
      <c r="E320" s="94" t="s">
        <v>688</v>
      </c>
      <c r="F320" s="96" t="s">
        <v>48</v>
      </c>
    </row>
    <row r="321" spans="1:6" customFormat="1" ht="14.65" customHeight="1">
      <c r="A321" s="92" t="s">
        <v>13</v>
      </c>
      <c r="B321" s="144">
        <v>2357755</v>
      </c>
      <c r="C321" s="123" t="s">
        <v>160</v>
      </c>
      <c r="D321" s="123" t="s">
        <v>162</v>
      </c>
      <c r="E321" s="124" t="s">
        <v>709</v>
      </c>
      <c r="F321" s="96" t="s">
        <v>48</v>
      </c>
    </row>
    <row r="322" spans="1:6" customFormat="1" ht="14.65" customHeight="1">
      <c r="A322" s="92" t="s">
        <v>13</v>
      </c>
      <c r="B322" s="144">
        <v>2325721</v>
      </c>
      <c r="C322" s="123" t="s">
        <v>160</v>
      </c>
      <c r="D322" s="123" t="s">
        <v>163</v>
      </c>
      <c r="E322" s="124" t="s">
        <v>712</v>
      </c>
      <c r="F322" s="96" t="s">
        <v>48</v>
      </c>
    </row>
    <row r="323" spans="1:6" customFormat="1" ht="14.65" customHeight="1">
      <c r="A323" s="92" t="s">
        <v>13</v>
      </c>
      <c r="B323" s="144">
        <v>2471868</v>
      </c>
      <c r="C323" s="123" t="s">
        <v>160</v>
      </c>
      <c r="D323" s="123" t="s">
        <v>164</v>
      </c>
      <c r="E323" s="124" t="s">
        <v>686</v>
      </c>
      <c r="F323" s="96" t="s">
        <v>48</v>
      </c>
    </row>
    <row r="324" spans="1:6" customFormat="1" ht="14.65" customHeight="1">
      <c r="A324" s="92" t="s">
        <v>13</v>
      </c>
      <c r="B324" s="144">
        <v>2415429</v>
      </c>
      <c r="C324" s="123" t="s">
        <v>160</v>
      </c>
      <c r="D324" s="123" t="s">
        <v>165</v>
      </c>
      <c r="E324" s="124" t="s">
        <v>719</v>
      </c>
      <c r="F324" s="96" t="s">
        <v>48</v>
      </c>
    </row>
    <row r="325" spans="1:6" customFormat="1" ht="14.65" customHeight="1">
      <c r="A325" s="92"/>
      <c r="B325" s="135"/>
      <c r="C325" s="93"/>
      <c r="D325" s="93"/>
      <c r="E325" s="94"/>
      <c r="F325" s="95"/>
    </row>
    <row r="326" spans="1:6" customFormat="1" ht="14.65" customHeight="1">
      <c r="A326" s="92" t="s">
        <v>13</v>
      </c>
      <c r="B326" s="135">
        <v>2231459</v>
      </c>
      <c r="C326" s="93" t="s">
        <v>166</v>
      </c>
      <c r="D326" s="93" t="s">
        <v>161</v>
      </c>
      <c r="E326" s="94" t="s">
        <v>688</v>
      </c>
      <c r="F326" s="96" t="s">
        <v>48</v>
      </c>
    </row>
    <row r="327" spans="1:6" customFormat="1" ht="14.65" customHeight="1">
      <c r="A327" s="92" t="s">
        <v>13</v>
      </c>
      <c r="B327" s="144">
        <v>2357763</v>
      </c>
      <c r="C327" s="123" t="s">
        <v>166</v>
      </c>
      <c r="D327" s="123" t="s">
        <v>162</v>
      </c>
      <c r="E327" s="124" t="s">
        <v>709</v>
      </c>
      <c r="F327" s="96" t="s">
        <v>48</v>
      </c>
    </row>
    <row r="328" spans="1:6" customFormat="1" ht="14.65" customHeight="1">
      <c r="A328" s="92" t="s">
        <v>13</v>
      </c>
      <c r="B328" s="144">
        <v>2325748</v>
      </c>
      <c r="C328" s="123" t="s">
        <v>166</v>
      </c>
      <c r="D328" s="123" t="s">
        <v>163</v>
      </c>
      <c r="E328" s="124" t="s">
        <v>712</v>
      </c>
      <c r="F328" s="96" t="s">
        <v>48</v>
      </c>
    </row>
    <row r="329" spans="1:6" customFormat="1" ht="14.65" customHeight="1">
      <c r="A329" s="92" t="s">
        <v>13</v>
      </c>
      <c r="B329" s="144">
        <v>2471876</v>
      </c>
      <c r="C329" s="123" t="s">
        <v>166</v>
      </c>
      <c r="D329" s="123" t="s">
        <v>164</v>
      </c>
      <c r="E329" s="124" t="s">
        <v>686</v>
      </c>
      <c r="F329" s="96" t="s">
        <v>48</v>
      </c>
    </row>
    <row r="330" spans="1:6" customFormat="1" ht="14.65" customHeight="1">
      <c r="A330" s="92" t="s">
        <v>13</v>
      </c>
      <c r="B330" s="144">
        <v>2415437</v>
      </c>
      <c r="C330" s="123" t="s">
        <v>166</v>
      </c>
      <c r="D330" s="123" t="s">
        <v>165</v>
      </c>
      <c r="E330" s="124" t="s">
        <v>719</v>
      </c>
      <c r="F330" s="96" t="s">
        <v>48</v>
      </c>
    </row>
    <row r="331" spans="1:6" customFormat="1" ht="14.65" customHeight="1">
      <c r="A331" s="92" t="s">
        <v>13</v>
      </c>
      <c r="B331" s="144">
        <v>2525046</v>
      </c>
      <c r="C331" s="123" t="s">
        <v>166</v>
      </c>
      <c r="D331" s="123" t="s">
        <v>670</v>
      </c>
      <c r="E331" s="124" t="s">
        <v>713</v>
      </c>
      <c r="F331" s="96" t="s">
        <v>48</v>
      </c>
    </row>
    <row r="332" spans="1:6" customFormat="1" ht="14.65" customHeight="1">
      <c r="A332" s="92" t="s">
        <v>13</v>
      </c>
      <c r="B332" s="144">
        <v>2526565</v>
      </c>
      <c r="C332" s="123" t="s">
        <v>166</v>
      </c>
      <c r="D332" s="123" t="s">
        <v>670</v>
      </c>
      <c r="E332" s="124" t="s">
        <v>717</v>
      </c>
      <c r="F332" s="96" t="s">
        <v>48</v>
      </c>
    </row>
    <row r="333" spans="1:6" customFormat="1" ht="14.65" customHeight="1">
      <c r="A333" s="92"/>
      <c r="B333" s="135"/>
      <c r="C333" s="93"/>
      <c r="D333" s="93"/>
      <c r="E333" s="94"/>
      <c r="F333" s="95"/>
    </row>
    <row r="334" spans="1:6" customFormat="1" ht="14.65" customHeight="1">
      <c r="A334" s="92" t="s">
        <v>13</v>
      </c>
      <c r="B334" s="135">
        <v>2231460</v>
      </c>
      <c r="C334" s="93" t="s">
        <v>167</v>
      </c>
      <c r="D334" s="93" t="s">
        <v>161</v>
      </c>
      <c r="E334" s="94" t="s">
        <v>688</v>
      </c>
      <c r="F334" s="96" t="s">
        <v>48</v>
      </c>
    </row>
    <row r="335" spans="1:6" customFormat="1" ht="14.65" customHeight="1">
      <c r="A335" s="92" t="s">
        <v>13</v>
      </c>
      <c r="B335" s="144">
        <v>2357771</v>
      </c>
      <c r="C335" s="123" t="s">
        <v>167</v>
      </c>
      <c r="D335" s="123" t="s">
        <v>162</v>
      </c>
      <c r="E335" s="124" t="s">
        <v>709</v>
      </c>
      <c r="F335" s="96" t="s">
        <v>48</v>
      </c>
    </row>
    <row r="336" spans="1:6" customFormat="1" ht="14.65" customHeight="1">
      <c r="A336" s="92" t="s">
        <v>13</v>
      </c>
      <c r="B336" s="144">
        <v>2325756</v>
      </c>
      <c r="C336" s="123" t="s">
        <v>167</v>
      </c>
      <c r="D336" s="123" t="s">
        <v>163</v>
      </c>
      <c r="E336" s="124" t="s">
        <v>712</v>
      </c>
      <c r="F336" s="96" t="s">
        <v>48</v>
      </c>
    </row>
    <row r="337" spans="1:10" customFormat="1" ht="14.65" customHeight="1">
      <c r="A337" s="92" t="s">
        <v>13</v>
      </c>
      <c r="B337" s="144">
        <v>2471884</v>
      </c>
      <c r="C337" s="123" t="s">
        <v>167</v>
      </c>
      <c r="D337" s="123" t="s">
        <v>164</v>
      </c>
      <c r="E337" s="124" t="s">
        <v>686</v>
      </c>
      <c r="F337" s="96" t="s">
        <v>48</v>
      </c>
    </row>
    <row r="338" spans="1:10" customFormat="1" ht="14.65" customHeight="1">
      <c r="A338" s="92" t="s">
        <v>13</v>
      </c>
      <c r="B338" s="144">
        <v>2415445</v>
      </c>
      <c r="C338" s="123" t="s">
        <v>167</v>
      </c>
      <c r="D338" s="123" t="s">
        <v>165</v>
      </c>
      <c r="E338" s="124" t="s">
        <v>719</v>
      </c>
      <c r="F338" s="96" t="s">
        <v>48</v>
      </c>
    </row>
    <row r="339" spans="1:10" customFormat="1" ht="14.65" customHeight="1">
      <c r="A339" s="92" t="s">
        <v>13</v>
      </c>
      <c r="B339" s="144">
        <v>2525054</v>
      </c>
      <c r="C339" s="123" t="s">
        <v>167</v>
      </c>
      <c r="D339" s="123" t="s">
        <v>670</v>
      </c>
      <c r="E339" s="124" t="s">
        <v>713</v>
      </c>
      <c r="F339" s="96" t="s">
        <v>48</v>
      </c>
    </row>
    <row r="340" spans="1:10" customFormat="1" ht="14.65" customHeight="1">
      <c r="A340" s="92" t="s">
        <v>13</v>
      </c>
      <c r="B340" s="144">
        <v>2526573</v>
      </c>
      <c r="C340" s="123" t="s">
        <v>167</v>
      </c>
      <c r="D340" s="123" t="s">
        <v>670</v>
      </c>
      <c r="E340" s="124" t="s">
        <v>717</v>
      </c>
      <c r="F340" s="96" t="s">
        <v>48</v>
      </c>
    </row>
    <row r="341" spans="1:10" customFormat="1" ht="14.65" customHeight="1">
      <c r="A341" s="92"/>
      <c r="B341" s="135"/>
      <c r="C341" s="93"/>
      <c r="D341" s="93"/>
      <c r="E341" s="94"/>
      <c r="F341" s="95"/>
    </row>
    <row r="342" spans="1:10" customFormat="1" ht="14.65" customHeight="1">
      <c r="A342" s="92" t="s">
        <v>13</v>
      </c>
      <c r="B342" s="135">
        <v>2239267</v>
      </c>
      <c r="C342" s="93" t="s">
        <v>168</v>
      </c>
      <c r="D342" s="93" t="s">
        <v>161</v>
      </c>
      <c r="E342" s="94" t="s">
        <v>688</v>
      </c>
      <c r="F342" s="96" t="s">
        <v>48</v>
      </c>
    </row>
    <row r="343" spans="1:10" customFormat="1" ht="14.65" customHeight="1">
      <c r="A343" s="92" t="s">
        <v>13</v>
      </c>
      <c r="B343" s="144">
        <v>2357798</v>
      </c>
      <c r="C343" s="123" t="s">
        <v>168</v>
      </c>
      <c r="D343" s="123" t="s">
        <v>162</v>
      </c>
      <c r="E343" s="124" t="s">
        <v>709</v>
      </c>
      <c r="F343" s="96" t="s">
        <v>48</v>
      </c>
    </row>
    <row r="344" spans="1:10" customFormat="1" ht="14.65" customHeight="1">
      <c r="A344" s="92" t="s">
        <v>13</v>
      </c>
      <c r="B344" s="144">
        <v>2325764</v>
      </c>
      <c r="C344" s="123" t="s">
        <v>168</v>
      </c>
      <c r="D344" s="123" t="s">
        <v>163</v>
      </c>
      <c r="E344" s="124" t="s">
        <v>712</v>
      </c>
      <c r="F344" s="96" t="s">
        <v>48</v>
      </c>
    </row>
    <row r="345" spans="1:10" customFormat="1" ht="14.65" customHeight="1">
      <c r="A345" s="92" t="s">
        <v>13</v>
      </c>
      <c r="B345" s="144">
        <v>2471892</v>
      </c>
      <c r="C345" s="123" t="s">
        <v>168</v>
      </c>
      <c r="D345" s="123" t="s">
        <v>164</v>
      </c>
      <c r="E345" s="124" t="s">
        <v>686</v>
      </c>
      <c r="F345" s="96" t="s">
        <v>48</v>
      </c>
    </row>
    <row r="346" spans="1:10" customFormat="1" ht="14.65" customHeight="1">
      <c r="A346" s="92" t="s">
        <v>13</v>
      </c>
      <c r="B346" s="144">
        <v>2415453</v>
      </c>
      <c r="C346" s="123" t="s">
        <v>168</v>
      </c>
      <c r="D346" s="123" t="s">
        <v>165</v>
      </c>
      <c r="E346" s="124" t="s">
        <v>719</v>
      </c>
      <c r="F346" s="96" t="s">
        <v>48</v>
      </c>
    </row>
    <row r="347" spans="1:10" customFormat="1" ht="14.65" customHeight="1">
      <c r="A347" s="92" t="s">
        <v>13</v>
      </c>
      <c r="B347" s="144">
        <v>2525070</v>
      </c>
      <c r="C347" s="123" t="s">
        <v>168</v>
      </c>
      <c r="D347" s="123" t="s">
        <v>670</v>
      </c>
      <c r="E347" s="124" t="s">
        <v>713</v>
      </c>
      <c r="F347" s="96" t="s">
        <v>48</v>
      </c>
    </row>
    <row r="348" spans="1:10" ht="14.65" customHeight="1">
      <c r="A348" s="92" t="s">
        <v>13</v>
      </c>
      <c r="B348" s="144">
        <v>2526581</v>
      </c>
      <c r="C348" s="123" t="s">
        <v>168</v>
      </c>
      <c r="D348" s="123" t="s">
        <v>670</v>
      </c>
      <c r="E348" s="124" t="s">
        <v>717</v>
      </c>
      <c r="F348" s="96" t="s">
        <v>48</v>
      </c>
      <c r="I348"/>
      <c r="J348"/>
    </row>
    <row r="349" spans="1:10" ht="14.65" customHeight="1">
      <c r="A349" s="40"/>
      <c r="B349" s="152"/>
      <c r="C349" s="61"/>
      <c r="D349" s="61"/>
      <c r="E349" s="62"/>
      <c r="F349" s="79"/>
    </row>
    <row r="350" spans="1:10" ht="14.65" customHeight="1">
      <c r="A350" s="204" t="s">
        <v>632</v>
      </c>
      <c r="B350" s="200" t="s">
        <v>169</v>
      </c>
      <c r="C350" s="200"/>
      <c r="D350" s="200"/>
      <c r="E350" s="200"/>
      <c r="F350" s="200"/>
    </row>
    <row r="351" spans="1:10" ht="14.65" customHeight="1">
      <c r="A351" s="204"/>
      <c r="B351" s="200"/>
      <c r="C351" s="200"/>
      <c r="D351" s="200"/>
      <c r="E351" s="200"/>
      <c r="F351" s="200"/>
    </row>
    <row r="352" spans="1:10">
      <c r="A352" s="8"/>
      <c r="B352" s="162"/>
      <c r="C352" s="13"/>
      <c r="D352" s="13"/>
      <c r="E352" s="33"/>
      <c r="F352" s="13"/>
    </row>
    <row r="353" spans="1:6">
      <c r="A353" s="201" t="s">
        <v>170</v>
      </c>
      <c r="B353" s="201"/>
      <c r="C353" s="201"/>
      <c r="D353" s="201"/>
      <c r="E353" s="201"/>
      <c r="F353" s="131" t="s">
        <v>11</v>
      </c>
    </row>
    <row r="354" spans="1:6">
      <c r="A354" s="201"/>
      <c r="B354" s="201"/>
      <c r="C354" s="201"/>
      <c r="D354" s="201"/>
      <c r="E354" s="201"/>
      <c r="F354" s="20" t="s">
        <v>171</v>
      </c>
    </row>
    <row r="355" spans="1:6" ht="14.65" customHeight="1">
      <c r="A355" s="40" t="s">
        <v>172</v>
      </c>
      <c r="B355" s="145">
        <v>2295148</v>
      </c>
      <c r="C355" s="41" t="s">
        <v>173</v>
      </c>
      <c r="D355" s="41" t="s">
        <v>174</v>
      </c>
      <c r="E355" s="42" t="s">
        <v>709</v>
      </c>
      <c r="F355" s="79" t="s">
        <v>16</v>
      </c>
    </row>
    <row r="356" spans="1:6" ht="14.65" customHeight="1">
      <c r="A356" s="40" t="s">
        <v>172</v>
      </c>
      <c r="B356" s="145">
        <v>2330474</v>
      </c>
      <c r="C356" s="41" t="s">
        <v>173</v>
      </c>
      <c r="D356" s="41" t="s">
        <v>175</v>
      </c>
      <c r="E356" s="42" t="s">
        <v>712</v>
      </c>
      <c r="F356" s="79" t="s">
        <v>16</v>
      </c>
    </row>
    <row r="357" spans="1:6" ht="14.65" customHeight="1">
      <c r="A357" s="40" t="s">
        <v>172</v>
      </c>
      <c r="B357" s="145">
        <v>2371707</v>
      </c>
      <c r="C357" s="41" t="s">
        <v>173</v>
      </c>
      <c r="D357" s="41" t="s">
        <v>176</v>
      </c>
      <c r="E357" s="42" t="s">
        <v>699</v>
      </c>
      <c r="F357" s="79" t="s">
        <v>16</v>
      </c>
    </row>
    <row r="358" spans="1:6" ht="14.65" customHeight="1">
      <c r="A358" s="40" t="s">
        <v>172</v>
      </c>
      <c r="B358" s="145">
        <v>2385783</v>
      </c>
      <c r="C358" s="41" t="s">
        <v>173</v>
      </c>
      <c r="D358" s="41" t="s">
        <v>177</v>
      </c>
      <c r="E358" s="42" t="s">
        <v>717</v>
      </c>
      <c r="F358" s="79" t="s">
        <v>16</v>
      </c>
    </row>
    <row r="359" spans="1:6" ht="14.65" customHeight="1">
      <c r="A359" s="40" t="s">
        <v>172</v>
      </c>
      <c r="B359" s="145">
        <v>2326795</v>
      </c>
      <c r="C359" s="41" t="s">
        <v>173</v>
      </c>
      <c r="D359" s="41" t="s">
        <v>178</v>
      </c>
      <c r="E359" s="44" t="s">
        <v>710</v>
      </c>
      <c r="F359" s="79" t="s">
        <v>16</v>
      </c>
    </row>
    <row r="360" spans="1:6" ht="14.65" customHeight="1">
      <c r="A360" s="40" t="s">
        <v>172</v>
      </c>
      <c r="B360" s="145">
        <v>2392127</v>
      </c>
      <c r="C360" s="41" t="s">
        <v>173</v>
      </c>
      <c r="D360" s="41" t="s">
        <v>179</v>
      </c>
      <c r="E360" s="44" t="s">
        <v>689</v>
      </c>
      <c r="F360" s="79" t="s">
        <v>16</v>
      </c>
    </row>
    <row r="361" spans="1:6" ht="14.65" customHeight="1">
      <c r="A361" s="40" t="s">
        <v>172</v>
      </c>
      <c r="B361" s="145">
        <v>2469022</v>
      </c>
      <c r="C361" s="41" t="s">
        <v>173</v>
      </c>
      <c r="D361" s="41" t="s">
        <v>180</v>
      </c>
      <c r="E361" s="44" t="s">
        <v>709</v>
      </c>
      <c r="F361" s="79" t="s">
        <v>16</v>
      </c>
    </row>
    <row r="362" spans="1:6" ht="14.65" customHeight="1">
      <c r="A362" s="40" t="s">
        <v>172</v>
      </c>
      <c r="B362" s="145">
        <v>2419556</v>
      </c>
      <c r="C362" s="41" t="s">
        <v>173</v>
      </c>
      <c r="D362" s="41" t="s">
        <v>181</v>
      </c>
      <c r="E362" s="44" t="s">
        <v>681</v>
      </c>
      <c r="F362" s="79" t="s">
        <v>16</v>
      </c>
    </row>
    <row r="363" spans="1:6" ht="14.65" customHeight="1">
      <c r="A363" s="40" t="s">
        <v>172</v>
      </c>
      <c r="B363" s="145">
        <v>2492199</v>
      </c>
      <c r="C363" s="41" t="s">
        <v>173</v>
      </c>
      <c r="D363" s="41" t="s">
        <v>177</v>
      </c>
      <c r="E363" s="44" t="s">
        <v>695</v>
      </c>
      <c r="F363" s="79" t="s">
        <v>16</v>
      </c>
    </row>
    <row r="364" spans="1:6" ht="14.65" customHeight="1">
      <c r="A364" s="50" t="s">
        <v>172</v>
      </c>
      <c r="B364" s="146">
        <v>2476452</v>
      </c>
      <c r="C364" s="43" t="s">
        <v>173</v>
      </c>
      <c r="D364" s="43" t="s">
        <v>624</v>
      </c>
      <c r="E364" s="51" t="s">
        <v>705</v>
      </c>
      <c r="F364" s="80" t="s">
        <v>16</v>
      </c>
    </row>
    <row r="365" spans="1:6" ht="14.65" customHeight="1">
      <c r="A365" s="50" t="s">
        <v>172</v>
      </c>
      <c r="B365" s="147">
        <v>2357186</v>
      </c>
      <c r="C365" s="43" t="s">
        <v>173</v>
      </c>
      <c r="D365" s="43" t="s">
        <v>642</v>
      </c>
      <c r="E365" s="51" t="s">
        <v>695</v>
      </c>
      <c r="F365" s="80" t="s">
        <v>16</v>
      </c>
    </row>
    <row r="366" spans="1:6" ht="14.65" customHeight="1">
      <c r="A366" s="50" t="s">
        <v>172</v>
      </c>
      <c r="B366" s="147">
        <v>2468018</v>
      </c>
      <c r="C366" s="46" t="s">
        <v>173</v>
      </c>
      <c r="D366" s="46" t="s">
        <v>646</v>
      </c>
      <c r="E366" s="54" t="s">
        <v>698</v>
      </c>
      <c r="F366" s="80" t="s">
        <v>16</v>
      </c>
    </row>
    <row r="367" spans="1:6" ht="14.65" customHeight="1">
      <c r="A367" s="50" t="s">
        <v>172</v>
      </c>
      <c r="B367" s="147">
        <v>2522500</v>
      </c>
      <c r="C367" s="46" t="s">
        <v>173</v>
      </c>
      <c r="D367" s="46" t="s">
        <v>663</v>
      </c>
      <c r="E367" s="54" t="s">
        <v>708</v>
      </c>
      <c r="F367" s="80" t="s">
        <v>16</v>
      </c>
    </row>
    <row r="368" spans="1:6" ht="14.65" customHeight="1">
      <c r="A368" s="50" t="s">
        <v>172</v>
      </c>
      <c r="B368" s="147">
        <v>2478587</v>
      </c>
      <c r="C368" s="46" t="s">
        <v>173</v>
      </c>
      <c r="D368" s="46" t="s">
        <v>177</v>
      </c>
      <c r="E368" s="54" t="s">
        <v>713</v>
      </c>
      <c r="F368" s="80" t="s">
        <v>16</v>
      </c>
    </row>
    <row r="369" spans="1:6" ht="14.65" customHeight="1">
      <c r="A369" s="40"/>
      <c r="B369" s="145"/>
      <c r="C369" s="41"/>
      <c r="D369" s="41"/>
      <c r="E369" s="42"/>
      <c r="F369" s="43"/>
    </row>
    <row r="370" spans="1:6" ht="14.65" customHeight="1">
      <c r="A370" s="40" t="s">
        <v>172</v>
      </c>
      <c r="B370" s="145">
        <v>878928</v>
      </c>
      <c r="C370" s="41" t="s">
        <v>182</v>
      </c>
      <c r="D370" s="41" t="s">
        <v>183</v>
      </c>
      <c r="E370" s="42" t="s">
        <v>707</v>
      </c>
      <c r="F370" s="79" t="s">
        <v>16</v>
      </c>
    </row>
    <row r="371" spans="1:6" ht="14.65" customHeight="1">
      <c r="A371" s="40" t="s">
        <v>172</v>
      </c>
      <c r="B371" s="145">
        <v>2250497</v>
      </c>
      <c r="C371" s="41" t="s">
        <v>182</v>
      </c>
      <c r="D371" s="41" t="s">
        <v>184</v>
      </c>
      <c r="E371" s="42" t="s">
        <v>719</v>
      </c>
      <c r="F371" s="79" t="s">
        <v>16</v>
      </c>
    </row>
    <row r="372" spans="1:6" ht="14.65" customHeight="1">
      <c r="A372" s="40" t="s">
        <v>172</v>
      </c>
      <c r="B372" s="145">
        <v>2272113</v>
      </c>
      <c r="C372" s="41" t="s">
        <v>182</v>
      </c>
      <c r="D372" s="41" t="s">
        <v>185</v>
      </c>
      <c r="E372" s="42" t="s">
        <v>702</v>
      </c>
      <c r="F372" s="79" t="s">
        <v>16</v>
      </c>
    </row>
    <row r="373" spans="1:6" ht="14.65" customHeight="1">
      <c r="A373" s="40" t="s">
        <v>172</v>
      </c>
      <c r="B373" s="145">
        <v>2273373</v>
      </c>
      <c r="C373" s="41" t="s">
        <v>182</v>
      </c>
      <c r="D373" s="41" t="s">
        <v>186</v>
      </c>
      <c r="E373" s="42" t="s">
        <v>683</v>
      </c>
      <c r="F373" s="79" t="s">
        <v>16</v>
      </c>
    </row>
    <row r="374" spans="1:6" ht="14.65" customHeight="1">
      <c r="A374" s="40" t="s">
        <v>172</v>
      </c>
      <c r="B374" s="145">
        <v>2284383</v>
      </c>
      <c r="C374" s="41" t="s">
        <v>182</v>
      </c>
      <c r="D374" s="41" t="s">
        <v>175</v>
      </c>
      <c r="E374" s="42" t="s">
        <v>712</v>
      </c>
      <c r="F374" s="79" t="s">
        <v>16</v>
      </c>
    </row>
    <row r="375" spans="1:6" ht="14.65" customHeight="1">
      <c r="A375" s="40" t="s">
        <v>172</v>
      </c>
      <c r="B375" s="145">
        <v>2297485</v>
      </c>
      <c r="C375" s="41" t="s">
        <v>182</v>
      </c>
      <c r="D375" s="41" t="s">
        <v>187</v>
      </c>
      <c r="E375" s="42" t="s">
        <v>682</v>
      </c>
      <c r="F375" s="79" t="s">
        <v>16</v>
      </c>
    </row>
    <row r="376" spans="1:6" ht="14.65" customHeight="1">
      <c r="A376" s="40" t="s">
        <v>172</v>
      </c>
      <c r="B376" s="145">
        <v>2321858</v>
      </c>
      <c r="C376" s="41" t="s">
        <v>182</v>
      </c>
      <c r="D376" s="41" t="s">
        <v>188</v>
      </c>
      <c r="E376" s="42" t="s">
        <v>711</v>
      </c>
      <c r="F376" s="79" t="s">
        <v>16</v>
      </c>
    </row>
    <row r="377" spans="1:6" ht="14.65" customHeight="1">
      <c r="A377" s="40" t="s">
        <v>172</v>
      </c>
      <c r="B377" s="145">
        <v>2331284</v>
      </c>
      <c r="C377" s="41" t="s">
        <v>182</v>
      </c>
      <c r="D377" s="41" t="s">
        <v>177</v>
      </c>
      <c r="E377" s="42" t="s">
        <v>713</v>
      </c>
      <c r="F377" s="79" t="s">
        <v>16</v>
      </c>
    </row>
    <row r="378" spans="1:6" ht="14.65" customHeight="1">
      <c r="A378" s="40" t="s">
        <v>172</v>
      </c>
      <c r="B378" s="145">
        <v>2357712</v>
      </c>
      <c r="C378" s="41" t="s">
        <v>182</v>
      </c>
      <c r="D378" s="41" t="s">
        <v>189</v>
      </c>
      <c r="E378" s="42" t="s">
        <v>715</v>
      </c>
      <c r="F378" s="79" t="s">
        <v>16</v>
      </c>
    </row>
    <row r="379" spans="1:6" ht="14.65" customHeight="1">
      <c r="A379" s="40" t="s">
        <v>172</v>
      </c>
      <c r="B379" s="145">
        <v>2362651</v>
      </c>
      <c r="C379" s="41" t="s">
        <v>182</v>
      </c>
      <c r="D379" s="41" t="s">
        <v>190</v>
      </c>
      <c r="E379" s="42" t="s">
        <v>701</v>
      </c>
      <c r="F379" s="79" t="s">
        <v>16</v>
      </c>
    </row>
    <row r="380" spans="1:6" ht="14.65" customHeight="1">
      <c r="A380" s="40" t="s">
        <v>172</v>
      </c>
      <c r="B380" s="145">
        <v>2371715</v>
      </c>
      <c r="C380" s="41" t="s">
        <v>182</v>
      </c>
      <c r="D380" s="41" t="s">
        <v>176</v>
      </c>
      <c r="E380" s="42" t="s">
        <v>699</v>
      </c>
      <c r="F380" s="79" t="s">
        <v>16</v>
      </c>
    </row>
    <row r="381" spans="1:6" ht="14.65" customHeight="1">
      <c r="A381" s="40" t="s">
        <v>172</v>
      </c>
      <c r="B381" s="145">
        <v>2385791</v>
      </c>
      <c r="C381" s="41" t="s">
        <v>182</v>
      </c>
      <c r="D381" s="41" t="s">
        <v>177</v>
      </c>
      <c r="E381" s="42" t="s">
        <v>717</v>
      </c>
      <c r="F381" s="79" t="s">
        <v>16</v>
      </c>
    </row>
    <row r="382" spans="1:6" ht="14.65" customHeight="1">
      <c r="A382" s="40" t="s">
        <v>172</v>
      </c>
      <c r="B382" s="145">
        <v>2397072</v>
      </c>
      <c r="C382" s="41" t="s">
        <v>182</v>
      </c>
      <c r="D382" s="41" t="s">
        <v>191</v>
      </c>
      <c r="E382" s="42" t="s">
        <v>686</v>
      </c>
      <c r="F382" s="79" t="s">
        <v>16</v>
      </c>
    </row>
    <row r="383" spans="1:6" ht="14.65" customHeight="1">
      <c r="A383" s="40" t="s">
        <v>172</v>
      </c>
      <c r="B383" s="145">
        <v>2429217</v>
      </c>
      <c r="C383" s="41" t="s">
        <v>182</v>
      </c>
      <c r="D383" s="41" t="s">
        <v>177</v>
      </c>
      <c r="E383" s="42" t="s">
        <v>695</v>
      </c>
      <c r="F383" s="79" t="s">
        <v>16</v>
      </c>
    </row>
    <row r="384" spans="1:6" ht="14.65" customHeight="1">
      <c r="A384" s="40" t="s">
        <v>172</v>
      </c>
      <c r="B384" s="145">
        <v>2326809</v>
      </c>
      <c r="C384" s="41" t="s">
        <v>182</v>
      </c>
      <c r="D384" s="41" t="s">
        <v>192</v>
      </c>
      <c r="E384" s="44" t="s">
        <v>710</v>
      </c>
      <c r="F384" s="79" t="s">
        <v>16</v>
      </c>
    </row>
    <row r="385" spans="1:6" ht="14.65" customHeight="1">
      <c r="A385" s="40" t="s">
        <v>172</v>
      </c>
      <c r="B385" s="145">
        <v>2392135</v>
      </c>
      <c r="C385" s="41" t="s">
        <v>182</v>
      </c>
      <c r="D385" s="41" t="s">
        <v>193</v>
      </c>
      <c r="E385" s="44" t="s">
        <v>689</v>
      </c>
      <c r="F385" s="79" t="s">
        <v>16</v>
      </c>
    </row>
    <row r="386" spans="1:6" ht="14.65" customHeight="1">
      <c r="A386" s="40" t="s">
        <v>172</v>
      </c>
      <c r="B386" s="145">
        <v>2469030</v>
      </c>
      <c r="C386" s="41" t="s">
        <v>182</v>
      </c>
      <c r="D386" s="41" t="s">
        <v>180</v>
      </c>
      <c r="E386" s="44" t="s">
        <v>709</v>
      </c>
      <c r="F386" s="79" t="s">
        <v>16</v>
      </c>
    </row>
    <row r="387" spans="1:6" ht="14.65" customHeight="1">
      <c r="A387" s="40" t="s">
        <v>172</v>
      </c>
      <c r="B387" s="145">
        <v>2419564</v>
      </c>
      <c r="C387" s="41" t="s">
        <v>182</v>
      </c>
      <c r="D387" s="41" t="s">
        <v>181</v>
      </c>
      <c r="E387" s="44" t="s">
        <v>681</v>
      </c>
      <c r="F387" s="79" t="s">
        <v>16</v>
      </c>
    </row>
    <row r="388" spans="1:6" ht="14.65" customHeight="1">
      <c r="A388" s="50" t="s">
        <v>172</v>
      </c>
      <c r="B388" s="146">
        <v>2476460</v>
      </c>
      <c r="C388" s="43" t="s">
        <v>182</v>
      </c>
      <c r="D388" s="43" t="s">
        <v>624</v>
      </c>
      <c r="E388" s="51" t="s">
        <v>705</v>
      </c>
      <c r="F388" s="80" t="s">
        <v>16</v>
      </c>
    </row>
    <row r="389" spans="1:6" ht="14.65" customHeight="1">
      <c r="A389" s="50" t="s">
        <v>172</v>
      </c>
      <c r="B389" s="148">
        <v>2357194</v>
      </c>
      <c r="C389" s="77" t="s">
        <v>182</v>
      </c>
      <c r="D389" s="77" t="s">
        <v>642</v>
      </c>
      <c r="E389" s="51" t="s">
        <v>695</v>
      </c>
      <c r="F389" s="80" t="s">
        <v>16</v>
      </c>
    </row>
    <row r="390" spans="1:6" ht="14.65" customHeight="1">
      <c r="A390" s="50" t="s">
        <v>172</v>
      </c>
      <c r="B390" s="147">
        <v>2468026</v>
      </c>
      <c r="C390" s="46" t="s">
        <v>182</v>
      </c>
      <c r="D390" s="46" t="s">
        <v>646</v>
      </c>
      <c r="E390" s="54" t="s">
        <v>698</v>
      </c>
      <c r="F390" s="80" t="s">
        <v>16</v>
      </c>
    </row>
    <row r="391" spans="1:6" ht="14.65" customHeight="1">
      <c r="A391" s="50" t="s">
        <v>172</v>
      </c>
      <c r="B391" s="147">
        <v>2284065</v>
      </c>
      <c r="C391" s="46" t="s">
        <v>182</v>
      </c>
      <c r="D391" s="46" t="s">
        <v>661</v>
      </c>
      <c r="E391" s="54" t="s">
        <v>709</v>
      </c>
      <c r="F391" s="80" t="s">
        <v>16</v>
      </c>
    </row>
    <row r="392" spans="1:6" ht="14.65" customHeight="1">
      <c r="A392" s="50" t="s">
        <v>172</v>
      </c>
      <c r="B392" s="147">
        <v>2522519</v>
      </c>
      <c r="C392" s="46" t="s">
        <v>182</v>
      </c>
      <c r="D392" s="46" t="s">
        <v>663</v>
      </c>
      <c r="E392" s="54" t="s">
        <v>708</v>
      </c>
      <c r="F392" s="80" t="s">
        <v>16</v>
      </c>
    </row>
    <row r="393" spans="1:6" ht="14.65" customHeight="1">
      <c r="A393" s="46"/>
      <c r="B393" s="149"/>
      <c r="C393" s="46"/>
      <c r="D393" s="46"/>
      <c r="E393" s="46"/>
      <c r="F393" s="46"/>
    </row>
    <row r="394" spans="1:6" ht="14.65" customHeight="1">
      <c r="A394" s="40" t="s">
        <v>172</v>
      </c>
      <c r="B394" s="145">
        <v>878936</v>
      </c>
      <c r="C394" s="41" t="s">
        <v>194</v>
      </c>
      <c r="D394" s="41" t="s">
        <v>195</v>
      </c>
      <c r="E394" s="42" t="s">
        <v>707</v>
      </c>
      <c r="F394" s="79" t="s">
        <v>16</v>
      </c>
    </row>
    <row r="395" spans="1:6" ht="14.65" customHeight="1">
      <c r="A395" s="40" t="s">
        <v>172</v>
      </c>
      <c r="B395" s="145">
        <v>2250500</v>
      </c>
      <c r="C395" s="41" t="s">
        <v>194</v>
      </c>
      <c r="D395" s="41" t="s">
        <v>184</v>
      </c>
      <c r="E395" s="42" t="s">
        <v>719</v>
      </c>
      <c r="F395" s="79" t="s">
        <v>16</v>
      </c>
    </row>
    <row r="396" spans="1:6" ht="14.65" customHeight="1">
      <c r="A396" s="40" t="s">
        <v>172</v>
      </c>
      <c r="B396" s="145">
        <v>2272121</v>
      </c>
      <c r="C396" s="41" t="s">
        <v>194</v>
      </c>
      <c r="D396" s="41" t="s">
        <v>185</v>
      </c>
      <c r="E396" s="42" t="s">
        <v>702</v>
      </c>
      <c r="F396" s="79" t="s">
        <v>16</v>
      </c>
    </row>
    <row r="397" spans="1:6" ht="14.65" customHeight="1">
      <c r="A397" s="40" t="s">
        <v>172</v>
      </c>
      <c r="B397" s="145">
        <v>2273381</v>
      </c>
      <c r="C397" s="41" t="s">
        <v>194</v>
      </c>
      <c r="D397" s="41" t="s">
        <v>186</v>
      </c>
      <c r="E397" s="42" t="s">
        <v>683</v>
      </c>
      <c r="F397" s="79" t="s">
        <v>16</v>
      </c>
    </row>
    <row r="398" spans="1:6" ht="14.65" customHeight="1">
      <c r="A398" s="40" t="s">
        <v>172</v>
      </c>
      <c r="B398" s="145">
        <v>2284391</v>
      </c>
      <c r="C398" s="41" t="s">
        <v>194</v>
      </c>
      <c r="D398" s="41" t="s">
        <v>175</v>
      </c>
      <c r="E398" s="42" t="s">
        <v>712</v>
      </c>
      <c r="F398" s="79" t="s">
        <v>16</v>
      </c>
    </row>
    <row r="399" spans="1:6" ht="14.65" customHeight="1">
      <c r="A399" s="40" t="s">
        <v>172</v>
      </c>
      <c r="B399" s="145">
        <v>2297493</v>
      </c>
      <c r="C399" s="41" t="s">
        <v>194</v>
      </c>
      <c r="D399" s="41" t="s">
        <v>187</v>
      </c>
      <c r="E399" s="42" t="s">
        <v>682</v>
      </c>
      <c r="F399" s="79" t="s">
        <v>16</v>
      </c>
    </row>
    <row r="400" spans="1:6" ht="14.65" customHeight="1">
      <c r="A400" s="40" t="s">
        <v>172</v>
      </c>
      <c r="B400" s="145">
        <v>2321866</v>
      </c>
      <c r="C400" s="41" t="s">
        <v>194</v>
      </c>
      <c r="D400" s="41" t="s">
        <v>188</v>
      </c>
      <c r="E400" s="42" t="s">
        <v>711</v>
      </c>
      <c r="F400" s="79" t="s">
        <v>16</v>
      </c>
    </row>
    <row r="401" spans="1:6" ht="14.65" customHeight="1">
      <c r="A401" s="40" t="s">
        <v>172</v>
      </c>
      <c r="B401" s="145">
        <v>2331292</v>
      </c>
      <c r="C401" s="41" t="s">
        <v>194</v>
      </c>
      <c r="D401" s="41" t="s">
        <v>177</v>
      </c>
      <c r="E401" s="42" t="s">
        <v>713</v>
      </c>
      <c r="F401" s="79" t="s">
        <v>16</v>
      </c>
    </row>
    <row r="402" spans="1:6" ht="14.65" customHeight="1">
      <c r="A402" s="40" t="s">
        <v>172</v>
      </c>
      <c r="B402" s="145">
        <v>2357720</v>
      </c>
      <c r="C402" s="41" t="s">
        <v>194</v>
      </c>
      <c r="D402" s="41" t="s">
        <v>189</v>
      </c>
      <c r="E402" s="42" t="s">
        <v>715</v>
      </c>
      <c r="F402" s="79" t="s">
        <v>16</v>
      </c>
    </row>
    <row r="403" spans="1:6" ht="14.65" customHeight="1">
      <c r="A403" s="40" t="s">
        <v>172</v>
      </c>
      <c r="B403" s="145">
        <v>2362678</v>
      </c>
      <c r="C403" s="41" t="s">
        <v>194</v>
      </c>
      <c r="D403" s="41" t="s">
        <v>190</v>
      </c>
      <c r="E403" s="42" t="s">
        <v>701</v>
      </c>
      <c r="F403" s="79" t="s">
        <v>16</v>
      </c>
    </row>
    <row r="404" spans="1:6" ht="14.65" customHeight="1">
      <c r="A404" s="40" t="s">
        <v>172</v>
      </c>
      <c r="B404" s="145">
        <v>2371723</v>
      </c>
      <c r="C404" s="41" t="s">
        <v>194</v>
      </c>
      <c r="D404" s="41" t="s">
        <v>176</v>
      </c>
      <c r="E404" s="42" t="s">
        <v>699</v>
      </c>
      <c r="F404" s="79" t="s">
        <v>16</v>
      </c>
    </row>
    <row r="405" spans="1:6" ht="14.65" customHeight="1">
      <c r="A405" s="40" t="s">
        <v>172</v>
      </c>
      <c r="B405" s="145">
        <v>2385805</v>
      </c>
      <c r="C405" s="41" t="s">
        <v>194</v>
      </c>
      <c r="D405" s="41" t="s">
        <v>177</v>
      </c>
      <c r="E405" s="42" t="s">
        <v>717</v>
      </c>
      <c r="F405" s="79" t="s">
        <v>16</v>
      </c>
    </row>
    <row r="406" spans="1:6" ht="14.65" customHeight="1">
      <c r="A406" s="40" t="s">
        <v>172</v>
      </c>
      <c r="B406" s="145">
        <v>2397080</v>
      </c>
      <c r="C406" s="41" t="s">
        <v>194</v>
      </c>
      <c r="D406" s="41" t="s">
        <v>191</v>
      </c>
      <c r="E406" s="42" t="s">
        <v>686</v>
      </c>
      <c r="F406" s="79" t="s">
        <v>16</v>
      </c>
    </row>
    <row r="407" spans="1:6" ht="14.65" customHeight="1">
      <c r="A407" s="40" t="s">
        <v>172</v>
      </c>
      <c r="B407" s="145">
        <v>2429225</v>
      </c>
      <c r="C407" s="41" t="s">
        <v>194</v>
      </c>
      <c r="D407" s="41" t="s">
        <v>177</v>
      </c>
      <c r="E407" s="42" t="s">
        <v>695</v>
      </c>
      <c r="F407" s="79" t="s">
        <v>16</v>
      </c>
    </row>
    <row r="408" spans="1:6" ht="14.65" customHeight="1">
      <c r="A408" s="40" t="s">
        <v>172</v>
      </c>
      <c r="B408" s="145">
        <v>2326817</v>
      </c>
      <c r="C408" s="41" t="s">
        <v>194</v>
      </c>
      <c r="D408" s="41" t="s">
        <v>196</v>
      </c>
      <c r="E408" s="44" t="s">
        <v>710</v>
      </c>
      <c r="F408" s="79" t="s">
        <v>16</v>
      </c>
    </row>
    <row r="409" spans="1:6" ht="14.65" customHeight="1">
      <c r="A409" s="40" t="s">
        <v>172</v>
      </c>
      <c r="B409" s="145">
        <v>2392143</v>
      </c>
      <c r="C409" s="41" t="s">
        <v>194</v>
      </c>
      <c r="D409" s="41" t="s">
        <v>197</v>
      </c>
      <c r="E409" s="44" t="s">
        <v>689</v>
      </c>
      <c r="F409" s="79" t="s">
        <v>16</v>
      </c>
    </row>
    <row r="410" spans="1:6" ht="14.65" customHeight="1">
      <c r="A410" s="40" t="s">
        <v>172</v>
      </c>
      <c r="B410" s="145">
        <v>2469049</v>
      </c>
      <c r="C410" s="41" t="s">
        <v>194</v>
      </c>
      <c r="D410" s="41" t="s">
        <v>180</v>
      </c>
      <c r="E410" s="44" t="s">
        <v>709</v>
      </c>
      <c r="F410" s="79" t="s">
        <v>16</v>
      </c>
    </row>
    <row r="411" spans="1:6" ht="14.65" customHeight="1">
      <c r="A411" s="40" t="s">
        <v>172</v>
      </c>
      <c r="B411" s="145">
        <v>2419572</v>
      </c>
      <c r="C411" s="41" t="s">
        <v>194</v>
      </c>
      <c r="D411" s="41" t="s">
        <v>181</v>
      </c>
      <c r="E411" s="44" t="s">
        <v>681</v>
      </c>
      <c r="F411" s="79" t="s">
        <v>16</v>
      </c>
    </row>
    <row r="412" spans="1:6" ht="14.65" customHeight="1">
      <c r="A412" s="50" t="s">
        <v>172</v>
      </c>
      <c r="B412" s="146">
        <v>2476479</v>
      </c>
      <c r="C412" s="43" t="s">
        <v>194</v>
      </c>
      <c r="D412" s="43" t="s">
        <v>624</v>
      </c>
      <c r="E412" s="51" t="s">
        <v>705</v>
      </c>
      <c r="F412" s="80" t="s">
        <v>16</v>
      </c>
    </row>
    <row r="413" spans="1:6" ht="14.65" customHeight="1">
      <c r="A413" s="50" t="s">
        <v>172</v>
      </c>
      <c r="B413" s="147">
        <v>2357208</v>
      </c>
      <c r="C413" s="43" t="s">
        <v>194</v>
      </c>
      <c r="D413" s="43" t="s">
        <v>642</v>
      </c>
      <c r="E413" s="51" t="s">
        <v>695</v>
      </c>
      <c r="F413" s="80" t="s">
        <v>16</v>
      </c>
    </row>
    <row r="414" spans="1:6" ht="14.65" customHeight="1">
      <c r="A414" s="50" t="s">
        <v>172</v>
      </c>
      <c r="B414" s="147">
        <v>2468034</v>
      </c>
      <c r="C414" s="46" t="s">
        <v>194</v>
      </c>
      <c r="D414" s="46" t="s">
        <v>646</v>
      </c>
      <c r="E414" s="54" t="s">
        <v>698</v>
      </c>
      <c r="F414" s="80" t="s">
        <v>16</v>
      </c>
    </row>
    <row r="415" spans="1:6" ht="14.65" customHeight="1">
      <c r="A415" s="50" t="s">
        <v>172</v>
      </c>
      <c r="B415" s="147">
        <v>2284073</v>
      </c>
      <c r="C415" s="46" t="s">
        <v>194</v>
      </c>
      <c r="D415" s="46" t="s">
        <v>661</v>
      </c>
      <c r="E415" s="54" t="s">
        <v>709</v>
      </c>
      <c r="F415" s="80" t="s">
        <v>16</v>
      </c>
    </row>
    <row r="416" spans="1:6" ht="14.65" customHeight="1">
      <c r="A416" s="50" t="s">
        <v>172</v>
      </c>
      <c r="B416" s="147">
        <v>2522527</v>
      </c>
      <c r="C416" s="46" t="s">
        <v>194</v>
      </c>
      <c r="D416" s="46" t="s">
        <v>663</v>
      </c>
      <c r="E416" s="54" t="s">
        <v>708</v>
      </c>
      <c r="F416" s="80" t="s">
        <v>16</v>
      </c>
    </row>
    <row r="417" spans="1:6" ht="14.65" customHeight="1">
      <c r="A417" s="40"/>
      <c r="B417" s="145"/>
      <c r="C417" s="41"/>
      <c r="D417" s="41"/>
      <c r="E417" s="42"/>
      <c r="F417" s="43"/>
    </row>
    <row r="418" spans="1:6" ht="14.65" customHeight="1">
      <c r="A418" s="40" t="s">
        <v>172</v>
      </c>
      <c r="B418" s="145">
        <v>851787</v>
      </c>
      <c r="C418" s="41" t="s">
        <v>198</v>
      </c>
      <c r="D418" s="41" t="s">
        <v>199</v>
      </c>
      <c r="E418" s="42" t="s">
        <v>685</v>
      </c>
      <c r="F418" s="79" t="s">
        <v>48</v>
      </c>
    </row>
    <row r="419" spans="1:6" ht="14.65" customHeight="1">
      <c r="A419" s="40" t="s">
        <v>172</v>
      </c>
      <c r="B419" s="145">
        <v>2222000</v>
      </c>
      <c r="C419" s="41" t="s">
        <v>198</v>
      </c>
      <c r="D419" s="41" t="s">
        <v>200</v>
      </c>
      <c r="E419" s="42" t="s">
        <v>714</v>
      </c>
      <c r="F419" s="79" t="s">
        <v>48</v>
      </c>
    </row>
    <row r="420" spans="1:6" ht="14.65" customHeight="1">
      <c r="A420" s="40" t="s">
        <v>172</v>
      </c>
      <c r="B420" s="145">
        <v>2280272</v>
      </c>
      <c r="C420" s="41" t="s">
        <v>198</v>
      </c>
      <c r="D420" s="41" t="s">
        <v>201</v>
      </c>
      <c r="E420" s="42" t="s">
        <v>712</v>
      </c>
      <c r="F420" s="79" t="s">
        <v>48</v>
      </c>
    </row>
    <row r="421" spans="1:6" ht="14.65" customHeight="1">
      <c r="A421" s="40" t="s">
        <v>172</v>
      </c>
      <c r="B421" s="145">
        <v>2452383</v>
      </c>
      <c r="C421" s="41" t="s">
        <v>198</v>
      </c>
      <c r="D421" s="41" t="s">
        <v>202</v>
      </c>
      <c r="E421" s="44" t="s">
        <v>683</v>
      </c>
      <c r="F421" s="79" t="s">
        <v>48</v>
      </c>
    </row>
    <row r="422" spans="1:6" ht="14.65" customHeight="1">
      <c r="A422" s="40"/>
      <c r="B422" s="145"/>
      <c r="C422" s="41"/>
      <c r="D422" s="41"/>
      <c r="E422" s="42"/>
      <c r="F422" s="43"/>
    </row>
    <row r="423" spans="1:6" ht="14.65" customHeight="1">
      <c r="A423" s="40" t="s">
        <v>172</v>
      </c>
      <c r="B423" s="145">
        <v>2057778</v>
      </c>
      <c r="C423" s="41" t="s">
        <v>203</v>
      </c>
      <c r="D423" s="41" t="s">
        <v>204</v>
      </c>
      <c r="E423" s="42" t="s">
        <v>685</v>
      </c>
      <c r="F423" s="79" t="s">
        <v>48</v>
      </c>
    </row>
    <row r="424" spans="1:6" ht="14.65" customHeight="1">
      <c r="A424" s="40" t="s">
        <v>172</v>
      </c>
      <c r="B424" s="145">
        <v>2452367</v>
      </c>
      <c r="C424" s="41" t="s">
        <v>203</v>
      </c>
      <c r="D424" s="41" t="s">
        <v>202</v>
      </c>
      <c r="E424" s="44" t="s">
        <v>683</v>
      </c>
      <c r="F424" s="79" t="s">
        <v>48</v>
      </c>
    </row>
    <row r="425" spans="1:6" ht="14.65" customHeight="1">
      <c r="A425" s="40"/>
      <c r="B425" s="145"/>
      <c r="C425" s="41"/>
      <c r="D425" s="41"/>
      <c r="E425" s="42"/>
      <c r="F425" s="43"/>
    </row>
    <row r="426" spans="1:6" ht="14.65" customHeight="1">
      <c r="A426" s="40" t="s">
        <v>172</v>
      </c>
      <c r="B426" s="145">
        <v>851779</v>
      </c>
      <c r="C426" s="41" t="s">
        <v>205</v>
      </c>
      <c r="D426" s="41" t="s">
        <v>206</v>
      </c>
      <c r="E426" s="42" t="s">
        <v>685</v>
      </c>
      <c r="F426" s="79" t="s">
        <v>48</v>
      </c>
    </row>
    <row r="427" spans="1:6" ht="14.65" customHeight="1">
      <c r="A427" s="40" t="s">
        <v>172</v>
      </c>
      <c r="B427" s="145">
        <v>2221993</v>
      </c>
      <c r="C427" s="41" t="s">
        <v>205</v>
      </c>
      <c r="D427" s="41" t="s">
        <v>200</v>
      </c>
      <c r="E427" s="42" t="s">
        <v>714</v>
      </c>
      <c r="F427" s="79" t="s">
        <v>48</v>
      </c>
    </row>
    <row r="428" spans="1:6" ht="14.65" customHeight="1">
      <c r="A428" s="40" t="s">
        <v>172</v>
      </c>
      <c r="B428" s="145">
        <v>2280264</v>
      </c>
      <c r="C428" s="41" t="s">
        <v>205</v>
      </c>
      <c r="D428" s="41" t="s">
        <v>201</v>
      </c>
      <c r="E428" s="42" t="s">
        <v>712</v>
      </c>
      <c r="F428" s="79" t="s">
        <v>48</v>
      </c>
    </row>
    <row r="429" spans="1:6" ht="14.65" customHeight="1">
      <c r="A429" s="40" t="s">
        <v>172</v>
      </c>
      <c r="B429" s="145">
        <v>2452375</v>
      </c>
      <c r="C429" s="41" t="s">
        <v>205</v>
      </c>
      <c r="D429" s="41" t="s">
        <v>202</v>
      </c>
      <c r="E429" s="44" t="s">
        <v>683</v>
      </c>
      <c r="F429" s="79" t="s">
        <v>48</v>
      </c>
    </row>
    <row r="430" spans="1:6" ht="14.65" customHeight="1">
      <c r="A430" s="40"/>
      <c r="B430" s="145"/>
      <c r="C430" s="41"/>
      <c r="D430" s="41"/>
      <c r="E430" s="42"/>
      <c r="F430" s="43"/>
    </row>
    <row r="431" spans="1:6" ht="14.65" customHeight="1">
      <c r="A431" s="40" t="s">
        <v>172</v>
      </c>
      <c r="B431" s="145">
        <v>2237618</v>
      </c>
      <c r="C431" s="41" t="s">
        <v>207</v>
      </c>
      <c r="D431" s="41" t="s">
        <v>208</v>
      </c>
      <c r="E431" s="42" t="s">
        <v>687</v>
      </c>
      <c r="F431" s="79" t="s">
        <v>48</v>
      </c>
    </row>
    <row r="432" spans="1:6" ht="14.65" customHeight="1">
      <c r="A432" s="40"/>
      <c r="B432" s="145"/>
      <c r="C432" s="41"/>
      <c r="D432" s="41"/>
      <c r="E432" s="42"/>
      <c r="F432" s="43"/>
    </row>
    <row r="433" spans="1:6" ht="14.65" customHeight="1">
      <c r="A433" s="40" t="s">
        <v>172</v>
      </c>
      <c r="B433" s="145">
        <v>2155907</v>
      </c>
      <c r="C433" s="41" t="s">
        <v>209</v>
      </c>
      <c r="D433" s="41" t="s">
        <v>210</v>
      </c>
      <c r="E433" s="42" t="s">
        <v>687</v>
      </c>
      <c r="F433" s="79" t="s">
        <v>48</v>
      </c>
    </row>
    <row r="434" spans="1:6" ht="14.65" customHeight="1">
      <c r="A434" s="40" t="s">
        <v>172</v>
      </c>
      <c r="B434" s="145">
        <v>2349167</v>
      </c>
      <c r="C434" s="41" t="s">
        <v>209</v>
      </c>
      <c r="D434" s="41" t="s">
        <v>211</v>
      </c>
      <c r="E434" s="42" t="s">
        <v>702</v>
      </c>
      <c r="F434" s="79" t="s">
        <v>48</v>
      </c>
    </row>
    <row r="435" spans="1:6" ht="14.65" customHeight="1">
      <c r="A435" s="40"/>
      <c r="B435" s="145"/>
      <c r="C435" s="41"/>
      <c r="D435" s="41"/>
      <c r="E435" s="42"/>
      <c r="F435" s="43"/>
    </row>
    <row r="436" spans="1:6" ht="14.65" customHeight="1">
      <c r="A436" s="40" t="s">
        <v>172</v>
      </c>
      <c r="B436" s="145">
        <v>2155990</v>
      </c>
      <c r="C436" s="41" t="s">
        <v>212</v>
      </c>
      <c r="D436" s="41" t="s">
        <v>213</v>
      </c>
      <c r="E436" s="42" t="s">
        <v>687</v>
      </c>
      <c r="F436" s="79" t="s">
        <v>48</v>
      </c>
    </row>
    <row r="437" spans="1:6" ht="14.65" customHeight="1">
      <c r="A437" s="40" t="s">
        <v>172</v>
      </c>
      <c r="B437" s="145">
        <v>2321149</v>
      </c>
      <c r="C437" s="41" t="s">
        <v>212</v>
      </c>
      <c r="D437" s="41" t="s">
        <v>211</v>
      </c>
      <c r="E437" s="42" t="s">
        <v>702</v>
      </c>
      <c r="F437" s="79" t="s">
        <v>48</v>
      </c>
    </row>
    <row r="438" spans="1:6" ht="14.65" customHeight="1">
      <c r="A438" s="7"/>
      <c r="B438" s="163"/>
      <c r="C438" s="26"/>
      <c r="D438" s="26"/>
      <c r="E438" s="22"/>
      <c r="F438" s="10"/>
    </row>
    <row r="439" spans="1:6" ht="14.65" customHeight="1">
      <c r="A439" s="203" t="s">
        <v>632</v>
      </c>
      <c r="B439" s="202" t="s">
        <v>214</v>
      </c>
      <c r="C439" s="202"/>
      <c r="D439" s="202"/>
      <c r="E439" s="202"/>
      <c r="F439" s="202"/>
    </row>
    <row r="440" spans="1:6" ht="14.65" customHeight="1">
      <c r="A440" s="203"/>
      <c r="B440" s="202"/>
      <c r="C440" s="202"/>
      <c r="D440" s="202"/>
      <c r="E440" s="202"/>
      <c r="F440" s="202"/>
    </row>
    <row r="441" spans="1:6">
      <c r="A441" s="8"/>
      <c r="C441" s="14"/>
      <c r="D441" s="14"/>
      <c r="E441" s="34"/>
      <c r="F441" s="15"/>
    </row>
    <row r="442" spans="1:6">
      <c r="A442" s="201" t="s">
        <v>215</v>
      </c>
      <c r="B442" s="201"/>
      <c r="C442" s="201"/>
      <c r="D442" s="201"/>
      <c r="E442" s="201"/>
      <c r="F442" s="132" t="s">
        <v>11</v>
      </c>
    </row>
    <row r="443" spans="1:6">
      <c r="A443" s="201"/>
      <c r="B443" s="201"/>
      <c r="C443" s="201"/>
      <c r="D443" s="201"/>
      <c r="E443" s="201"/>
      <c r="F443" s="20" t="s">
        <v>216</v>
      </c>
    </row>
    <row r="444" spans="1:6" ht="14.65" customHeight="1">
      <c r="A444" s="40" t="s">
        <v>217</v>
      </c>
      <c r="B444" s="145">
        <v>733059</v>
      </c>
      <c r="C444" s="41" t="s">
        <v>218</v>
      </c>
      <c r="D444" s="41" t="s">
        <v>219</v>
      </c>
      <c r="E444" s="42" t="s">
        <v>683</v>
      </c>
      <c r="F444" s="79" t="s">
        <v>16</v>
      </c>
    </row>
    <row r="445" spans="1:6" ht="14.65" customHeight="1">
      <c r="A445" s="40" t="s">
        <v>217</v>
      </c>
      <c r="B445" s="145">
        <v>2242453</v>
      </c>
      <c r="C445" s="41" t="s">
        <v>218</v>
      </c>
      <c r="D445" s="41" t="s">
        <v>220</v>
      </c>
      <c r="E445" s="42" t="s">
        <v>709</v>
      </c>
      <c r="F445" s="79" t="s">
        <v>16</v>
      </c>
    </row>
    <row r="446" spans="1:6" ht="14.65" customHeight="1">
      <c r="A446" s="40" t="s">
        <v>217</v>
      </c>
      <c r="B446" s="145">
        <v>2353016</v>
      </c>
      <c r="C446" s="41" t="s">
        <v>218</v>
      </c>
      <c r="D446" s="41" t="s">
        <v>221</v>
      </c>
      <c r="E446" s="42" t="s">
        <v>713</v>
      </c>
      <c r="F446" s="79" t="s">
        <v>16</v>
      </c>
    </row>
    <row r="447" spans="1:6" ht="14.65" customHeight="1">
      <c r="A447" s="40" t="s">
        <v>217</v>
      </c>
      <c r="B447" s="145">
        <v>2385953</v>
      </c>
      <c r="C447" s="41" t="s">
        <v>218</v>
      </c>
      <c r="D447" s="41" t="s">
        <v>221</v>
      </c>
      <c r="E447" s="42" t="s">
        <v>717</v>
      </c>
      <c r="F447" s="79" t="s">
        <v>16</v>
      </c>
    </row>
    <row r="448" spans="1:6" ht="14.65" customHeight="1">
      <c r="A448" s="40" t="s">
        <v>217</v>
      </c>
      <c r="B448" s="145">
        <v>2443708</v>
      </c>
      <c r="C448" s="41" t="s">
        <v>218</v>
      </c>
      <c r="D448" s="41" t="s">
        <v>222</v>
      </c>
      <c r="E448" s="44" t="s">
        <v>699</v>
      </c>
      <c r="F448" s="79" t="s">
        <v>16</v>
      </c>
    </row>
    <row r="449" spans="1:8" customFormat="1" ht="14.65" customHeight="1">
      <c r="A449" s="40" t="s">
        <v>217</v>
      </c>
      <c r="B449" s="145">
        <v>2463717</v>
      </c>
      <c r="C449" s="41" t="s">
        <v>218</v>
      </c>
      <c r="D449" s="41" t="s">
        <v>223</v>
      </c>
      <c r="E449" s="44" t="s">
        <v>695</v>
      </c>
      <c r="F449" s="79" t="s">
        <v>16</v>
      </c>
      <c r="G449" s="11"/>
      <c r="H449" s="11"/>
    </row>
    <row r="450" spans="1:8" customFormat="1" ht="14.65" customHeight="1">
      <c r="A450" s="92" t="s">
        <v>217</v>
      </c>
      <c r="B450" s="135">
        <v>2526379</v>
      </c>
      <c r="C450" s="93" t="s">
        <v>218</v>
      </c>
      <c r="D450" s="93" t="s">
        <v>668</v>
      </c>
      <c r="E450" s="100" t="s">
        <v>701</v>
      </c>
      <c r="F450" s="96" t="s">
        <v>16</v>
      </c>
      <c r="G450" s="11"/>
      <c r="H450" s="11"/>
    </row>
    <row r="451" spans="1:8" customFormat="1" ht="14.65" customHeight="1">
      <c r="A451" s="92"/>
      <c r="B451" s="135"/>
      <c r="C451" s="93"/>
      <c r="D451" s="93"/>
      <c r="E451" s="94"/>
      <c r="F451" s="95"/>
      <c r="G451" s="11"/>
      <c r="H451" s="11"/>
    </row>
    <row r="452" spans="1:8" customFormat="1" ht="14.65" customHeight="1">
      <c r="A452" s="92" t="s">
        <v>217</v>
      </c>
      <c r="B452" s="135">
        <v>733067</v>
      </c>
      <c r="C452" s="93" t="s">
        <v>224</v>
      </c>
      <c r="D452" s="93" t="s">
        <v>225</v>
      </c>
      <c r="E452" s="94" t="s">
        <v>683</v>
      </c>
      <c r="F452" s="96" t="s">
        <v>16</v>
      </c>
      <c r="G452" s="11"/>
      <c r="H452" s="11"/>
    </row>
    <row r="453" spans="1:8" customFormat="1" ht="14.65" customHeight="1">
      <c r="A453" s="92" t="s">
        <v>217</v>
      </c>
      <c r="B453" s="135">
        <v>2242454</v>
      </c>
      <c r="C453" s="93" t="s">
        <v>224</v>
      </c>
      <c r="D453" s="93" t="s">
        <v>226</v>
      </c>
      <c r="E453" s="94" t="s">
        <v>709</v>
      </c>
      <c r="F453" s="96" t="s">
        <v>16</v>
      </c>
      <c r="G453" s="11"/>
      <c r="H453" s="11"/>
    </row>
    <row r="454" spans="1:8" customFormat="1" ht="14.65" customHeight="1">
      <c r="A454" s="92" t="s">
        <v>217</v>
      </c>
      <c r="B454" s="135">
        <v>2385961</v>
      </c>
      <c r="C454" s="93" t="s">
        <v>224</v>
      </c>
      <c r="D454" s="93" t="s">
        <v>221</v>
      </c>
      <c r="E454" s="94" t="s">
        <v>717</v>
      </c>
      <c r="F454" s="96" t="s">
        <v>16</v>
      </c>
      <c r="G454" s="11"/>
      <c r="H454" s="11"/>
    </row>
    <row r="455" spans="1:8" customFormat="1" ht="14.65" customHeight="1">
      <c r="A455" s="92" t="s">
        <v>217</v>
      </c>
      <c r="B455" s="135">
        <v>2443716</v>
      </c>
      <c r="C455" s="93" t="s">
        <v>224</v>
      </c>
      <c r="D455" s="93" t="s">
        <v>222</v>
      </c>
      <c r="E455" s="100" t="s">
        <v>699</v>
      </c>
      <c r="F455" s="96" t="s">
        <v>16</v>
      </c>
      <c r="G455" s="11"/>
      <c r="H455" s="11"/>
    </row>
    <row r="456" spans="1:8" customFormat="1" ht="14.65" customHeight="1">
      <c r="A456" s="92" t="s">
        <v>217</v>
      </c>
      <c r="B456" s="135">
        <v>2463725</v>
      </c>
      <c r="C456" s="93" t="s">
        <v>224</v>
      </c>
      <c r="D456" s="93" t="s">
        <v>223</v>
      </c>
      <c r="E456" s="100" t="s">
        <v>695</v>
      </c>
      <c r="F456" s="96" t="s">
        <v>16</v>
      </c>
      <c r="G456" s="11"/>
      <c r="H456" s="11"/>
    </row>
    <row r="457" spans="1:8" ht="14.65" customHeight="1">
      <c r="A457" s="92" t="s">
        <v>217</v>
      </c>
      <c r="B457" s="135">
        <v>2526387</v>
      </c>
      <c r="C457" s="93" t="s">
        <v>224</v>
      </c>
      <c r="D457" s="93" t="s">
        <v>668</v>
      </c>
      <c r="E457" s="100" t="s">
        <v>701</v>
      </c>
      <c r="F457" s="96" t="s">
        <v>16</v>
      </c>
    </row>
    <row r="458" spans="1:8" ht="14.65" customHeight="1">
      <c r="A458" s="40"/>
      <c r="B458" s="145"/>
      <c r="C458" s="41"/>
      <c r="D458" s="41"/>
      <c r="E458" s="42"/>
      <c r="F458" s="43"/>
    </row>
    <row r="459" spans="1:8" ht="13.5" customHeight="1">
      <c r="A459" s="40" t="s">
        <v>217</v>
      </c>
      <c r="B459" s="145">
        <v>487872</v>
      </c>
      <c r="C459" s="41" t="s">
        <v>227</v>
      </c>
      <c r="D459" s="41" t="s">
        <v>228</v>
      </c>
      <c r="E459" s="42" t="s">
        <v>683</v>
      </c>
      <c r="F459" s="79" t="s">
        <v>48</v>
      </c>
    </row>
    <row r="460" spans="1:8" ht="14.65" customHeight="1">
      <c r="A460" s="40"/>
      <c r="B460" s="145"/>
      <c r="C460" s="41"/>
      <c r="D460" s="41"/>
      <c r="E460" s="42"/>
      <c r="F460" s="43"/>
    </row>
    <row r="461" spans="1:8" ht="14.65" customHeight="1">
      <c r="A461" s="50" t="s">
        <v>217</v>
      </c>
      <c r="B461" s="148">
        <v>2022133</v>
      </c>
      <c r="C461" s="77" t="s">
        <v>229</v>
      </c>
      <c r="D461" s="77" t="s">
        <v>230</v>
      </c>
      <c r="E461" s="59" t="s">
        <v>719</v>
      </c>
      <c r="F461" s="80" t="s">
        <v>48</v>
      </c>
    </row>
    <row r="462" spans="1:8" ht="14.65" customHeight="1">
      <c r="A462" s="50" t="s">
        <v>217</v>
      </c>
      <c r="B462" s="148">
        <v>2351102</v>
      </c>
      <c r="C462" s="77" t="s">
        <v>229</v>
      </c>
      <c r="D462" s="77" t="s">
        <v>231</v>
      </c>
      <c r="E462" s="59" t="s">
        <v>713</v>
      </c>
      <c r="F462" s="80" t="s">
        <v>48</v>
      </c>
    </row>
    <row r="463" spans="1:8" ht="14.65" customHeight="1">
      <c r="A463" s="50" t="s">
        <v>217</v>
      </c>
      <c r="B463" s="148">
        <v>1953842</v>
      </c>
      <c r="C463" s="77" t="s">
        <v>229</v>
      </c>
      <c r="D463" s="77" t="s">
        <v>232</v>
      </c>
      <c r="E463" s="51" t="s">
        <v>683</v>
      </c>
      <c r="F463" s="80" t="s">
        <v>48</v>
      </c>
    </row>
    <row r="464" spans="1:8" ht="14.65" customHeight="1">
      <c r="A464" s="50" t="s">
        <v>217</v>
      </c>
      <c r="B464" s="147">
        <v>2507749</v>
      </c>
      <c r="C464" s="73" t="s">
        <v>229</v>
      </c>
      <c r="D464" s="73" t="s">
        <v>653</v>
      </c>
      <c r="E464" s="54" t="s">
        <v>695</v>
      </c>
      <c r="F464" s="80" t="s">
        <v>48</v>
      </c>
    </row>
    <row r="465" spans="1:6" ht="14.65" customHeight="1">
      <c r="A465" s="50" t="s">
        <v>217</v>
      </c>
      <c r="B465" s="147">
        <v>2538628</v>
      </c>
      <c r="C465" s="73" t="s">
        <v>229</v>
      </c>
      <c r="D465" s="73" t="s">
        <v>723</v>
      </c>
      <c r="E465" s="54" t="s">
        <v>701</v>
      </c>
      <c r="F465" s="80" t="s">
        <v>48</v>
      </c>
    </row>
    <row r="466" spans="1:6" s="170" customFormat="1" ht="14.65" customHeight="1">
      <c r="A466" s="104" t="s">
        <v>217</v>
      </c>
      <c r="B466" s="171">
        <v>2549107</v>
      </c>
      <c r="C466" s="170" t="s">
        <v>229</v>
      </c>
      <c r="D466" s="172" t="s">
        <v>724</v>
      </c>
      <c r="E466" s="91" t="s">
        <v>717</v>
      </c>
      <c r="F466" s="106" t="s">
        <v>48</v>
      </c>
    </row>
    <row r="467" spans="1:6" ht="14.65" customHeight="1">
      <c r="A467" s="104"/>
      <c r="B467" s="88"/>
      <c r="C467" s="170"/>
      <c r="D467" s="172"/>
      <c r="E467" s="173"/>
      <c r="F467"/>
    </row>
    <row r="468" spans="1:6" ht="14.65" customHeight="1">
      <c r="A468" s="104" t="s">
        <v>217</v>
      </c>
      <c r="B468" s="142">
        <v>2022141</v>
      </c>
      <c r="C468" s="122" t="s">
        <v>233</v>
      </c>
      <c r="D468" s="122" t="s">
        <v>230</v>
      </c>
      <c r="E468" s="174" t="s">
        <v>719</v>
      </c>
      <c r="F468" s="106" t="s">
        <v>48</v>
      </c>
    </row>
    <row r="469" spans="1:6" ht="14.65" customHeight="1">
      <c r="A469" s="104" t="s">
        <v>217</v>
      </c>
      <c r="B469" s="142">
        <v>2351110</v>
      </c>
      <c r="C469" s="122" t="s">
        <v>233</v>
      </c>
      <c r="D469" s="122" t="s">
        <v>231</v>
      </c>
      <c r="E469" s="174" t="s">
        <v>713</v>
      </c>
      <c r="F469" s="106" t="s">
        <v>48</v>
      </c>
    </row>
    <row r="470" spans="1:6" ht="14.65" customHeight="1">
      <c r="A470" s="104" t="s">
        <v>217</v>
      </c>
      <c r="B470" s="143">
        <v>2507757</v>
      </c>
      <c r="C470" s="98" t="s">
        <v>233</v>
      </c>
      <c r="D470" s="98" t="s">
        <v>653</v>
      </c>
      <c r="E470" s="105" t="s">
        <v>695</v>
      </c>
      <c r="F470" s="106" t="s">
        <v>48</v>
      </c>
    </row>
    <row r="471" spans="1:6" ht="14.65" customHeight="1">
      <c r="A471" s="104" t="s">
        <v>217</v>
      </c>
      <c r="B471" s="143">
        <v>2538636</v>
      </c>
      <c r="C471" s="98" t="s">
        <v>233</v>
      </c>
      <c r="D471" s="98" t="s">
        <v>723</v>
      </c>
      <c r="E471" s="105" t="s">
        <v>701</v>
      </c>
      <c r="F471" s="106" t="s">
        <v>48</v>
      </c>
    </row>
    <row r="472" spans="1:6" ht="14.65" customHeight="1">
      <c r="A472" s="104" t="s">
        <v>217</v>
      </c>
      <c r="B472" s="171">
        <v>2549115</v>
      </c>
      <c r="C472" s="170" t="s">
        <v>233</v>
      </c>
      <c r="D472" s="172" t="s">
        <v>724</v>
      </c>
      <c r="E472" s="91" t="s">
        <v>717</v>
      </c>
      <c r="F472" s="106" t="s">
        <v>48</v>
      </c>
    </row>
    <row r="473" spans="1:6" ht="14.65" customHeight="1">
      <c r="A473" s="40"/>
      <c r="B473" s="145"/>
      <c r="C473" s="41"/>
      <c r="D473" s="41"/>
      <c r="E473" s="42"/>
      <c r="F473" s="43"/>
    </row>
    <row r="474" spans="1:6" ht="14.65" customHeight="1">
      <c r="A474" s="40" t="s">
        <v>217</v>
      </c>
      <c r="B474" s="145">
        <v>778338</v>
      </c>
      <c r="C474" s="41" t="s">
        <v>234</v>
      </c>
      <c r="D474" s="41" t="s">
        <v>235</v>
      </c>
      <c r="E474" s="42" t="s">
        <v>706</v>
      </c>
      <c r="F474" s="79" t="s">
        <v>48</v>
      </c>
    </row>
    <row r="475" spans="1:6" ht="14.65" customHeight="1">
      <c r="A475" s="7"/>
      <c r="B475" s="163"/>
      <c r="C475" s="26"/>
      <c r="D475" s="26"/>
      <c r="E475" s="22"/>
      <c r="F475" s="10"/>
    </row>
    <row r="476" spans="1:6" ht="14.65" customHeight="1">
      <c r="A476" s="203" t="s">
        <v>632</v>
      </c>
      <c r="B476" s="205" t="s">
        <v>236</v>
      </c>
      <c r="C476" s="205"/>
      <c r="D476" s="205"/>
      <c r="E476" s="205"/>
      <c r="F476" s="205"/>
    </row>
    <row r="477" spans="1:6" ht="14.65" customHeight="1">
      <c r="A477" s="203"/>
      <c r="B477" s="205"/>
      <c r="C477" s="205"/>
      <c r="D477" s="205"/>
      <c r="E477" s="205"/>
      <c r="F477" s="205"/>
    </row>
    <row r="478" spans="1:6">
      <c r="A478" s="8"/>
      <c r="B478" s="163"/>
      <c r="C478" s="6"/>
      <c r="D478" s="6"/>
      <c r="E478" s="23"/>
      <c r="F478" s="9"/>
    </row>
    <row r="479" spans="1:6">
      <c r="A479" s="201" t="s">
        <v>237</v>
      </c>
      <c r="B479" s="201"/>
      <c r="C479" s="201"/>
      <c r="D479" s="201"/>
      <c r="E479" s="35"/>
      <c r="F479" s="132" t="s">
        <v>11</v>
      </c>
    </row>
    <row r="480" spans="1:6">
      <c r="A480" s="201"/>
      <c r="B480" s="201"/>
      <c r="C480" s="201"/>
      <c r="D480" s="201"/>
      <c r="E480" s="36"/>
      <c r="F480" s="21" t="s">
        <v>640</v>
      </c>
    </row>
    <row r="481" spans="1:6" ht="14.65" customHeight="1">
      <c r="A481" s="40" t="s">
        <v>238</v>
      </c>
      <c r="B481" s="145">
        <v>590827</v>
      </c>
      <c r="C481" s="41" t="s">
        <v>239</v>
      </c>
      <c r="D481" s="41" t="s">
        <v>240</v>
      </c>
      <c r="E481" s="42" t="s">
        <v>704</v>
      </c>
      <c r="F481" s="79" t="s">
        <v>48</v>
      </c>
    </row>
    <row r="482" spans="1:6" ht="14.65" customHeight="1">
      <c r="A482" s="40" t="s">
        <v>238</v>
      </c>
      <c r="B482" s="145">
        <v>2091194</v>
      </c>
      <c r="C482" s="41" t="s">
        <v>239</v>
      </c>
      <c r="D482" s="41" t="s">
        <v>241</v>
      </c>
      <c r="E482" s="42" t="s">
        <v>683</v>
      </c>
      <c r="F482" s="79" t="s">
        <v>48</v>
      </c>
    </row>
    <row r="483" spans="1:6" ht="14.65" customHeight="1">
      <c r="A483" s="40"/>
      <c r="B483" s="145"/>
      <c r="C483" s="41"/>
      <c r="D483" s="41"/>
      <c r="E483" s="42"/>
      <c r="F483" s="43"/>
    </row>
    <row r="484" spans="1:6" ht="14.65" customHeight="1">
      <c r="A484" s="40" t="s">
        <v>238</v>
      </c>
      <c r="B484" s="145">
        <v>782459</v>
      </c>
      <c r="C484" s="41" t="s">
        <v>242</v>
      </c>
      <c r="D484" s="41" t="s">
        <v>243</v>
      </c>
      <c r="E484" s="42" t="s">
        <v>704</v>
      </c>
      <c r="F484" s="79" t="s">
        <v>48</v>
      </c>
    </row>
    <row r="485" spans="1:6" ht="14.65" customHeight="1">
      <c r="A485" s="40" t="s">
        <v>238</v>
      </c>
      <c r="B485" s="145">
        <v>2162814</v>
      </c>
      <c r="C485" s="41" t="s">
        <v>242</v>
      </c>
      <c r="D485" s="41" t="s">
        <v>241</v>
      </c>
      <c r="E485" s="42" t="s">
        <v>683</v>
      </c>
      <c r="F485" s="79" t="s">
        <v>48</v>
      </c>
    </row>
    <row r="486" spans="1:6" ht="14.65" customHeight="1">
      <c r="A486" s="40"/>
      <c r="B486" s="145"/>
      <c r="C486" s="41"/>
      <c r="D486" s="41"/>
      <c r="E486" s="42"/>
      <c r="F486" s="43"/>
    </row>
    <row r="487" spans="1:6" ht="14.65" customHeight="1">
      <c r="A487" s="40" t="s">
        <v>238</v>
      </c>
      <c r="B487" s="145">
        <v>839175</v>
      </c>
      <c r="C487" s="41" t="s">
        <v>244</v>
      </c>
      <c r="D487" s="41" t="s">
        <v>246</v>
      </c>
      <c r="E487" s="42" t="s">
        <v>683</v>
      </c>
      <c r="F487" s="79" t="s">
        <v>48</v>
      </c>
    </row>
    <row r="488" spans="1:6" ht="14.65" customHeight="1">
      <c r="A488" s="40" t="s">
        <v>238</v>
      </c>
      <c r="B488" s="145">
        <v>2302616</v>
      </c>
      <c r="C488" s="41" t="s">
        <v>244</v>
      </c>
      <c r="D488" s="41" t="s">
        <v>248</v>
      </c>
      <c r="E488" s="42" t="s">
        <v>709</v>
      </c>
      <c r="F488" s="79" t="s">
        <v>48</v>
      </c>
    </row>
    <row r="489" spans="1:6" ht="14.65" customHeight="1">
      <c r="A489" s="40"/>
      <c r="B489" s="145"/>
      <c r="C489" s="41"/>
      <c r="D489" s="41"/>
      <c r="E489" s="42"/>
      <c r="F489" s="43"/>
    </row>
    <row r="490" spans="1:6" ht="14.65" customHeight="1">
      <c r="A490" s="40" t="s">
        <v>238</v>
      </c>
      <c r="B490" s="145">
        <v>514012</v>
      </c>
      <c r="C490" s="41" t="s">
        <v>249</v>
      </c>
      <c r="D490" s="41" t="s">
        <v>250</v>
      </c>
      <c r="E490" s="42" t="s">
        <v>704</v>
      </c>
      <c r="F490" s="79" t="s">
        <v>48</v>
      </c>
    </row>
    <row r="491" spans="1:6" ht="14.65" customHeight="1">
      <c r="A491" s="40" t="s">
        <v>238</v>
      </c>
      <c r="B491" s="145">
        <v>808547</v>
      </c>
      <c r="C491" s="41" t="s">
        <v>249</v>
      </c>
      <c r="D491" s="41" t="s">
        <v>245</v>
      </c>
      <c r="E491" s="42" t="s">
        <v>719</v>
      </c>
      <c r="F491" s="79" t="s">
        <v>48</v>
      </c>
    </row>
    <row r="492" spans="1:6" ht="14.65" customHeight="1">
      <c r="A492" s="40" t="s">
        <v>238</v>
      </c>
      <c r="B492" s="145">
        <v>839183</v>
      </c>
      <c r="C492" s="41" t="s">
        <v>249</v>
      </c>
      <c r="D492" s="41" t="s">
        <v>246</v>
      </c>
      <c r="E492" s="42" t="s">
        <v>683</v>
      </c>
      <c r="F492" s="79" t="s">
        <v>48</v>
      </c>
    </row>
    <row r="493" spans="1:6" ht="14.65" customHeight="1">
      <c r="A493" s="40" t="s">
        <v>238</v>
      </c>
      <c r="B493" s="145">
        <v>2261960</v>
      </c>
      <c r="C493" s="41" t="s">
        <v>249</v>
      </c>
      <c r="D493" s="41" t="s">
        <v>247</v>
      </c>
      <c r="E493" s="42" t="s">
        <v>712</v>
      </c>
      <c r="F493" s="79" t="s">
        <v>48</v>
      </c>
    </row>
    <row r="494" spans="1:6" ht="14.65" customHeight="1">
      <c r="A494" s="40" t="s">
        <v>238</v>
      </c>
      <c r="B494" s="145">
        <v>2302624</v>
      </c>
      <c r="C494" s="41" t="s">
        <v>249</v>
      </c>
      <c r="D494" s="41" t="s">
        <v>248</v>
      </c>
      <c r="E494" s="42" t="s">
        <v>709</v>
      </c>
      <c r="F494" s="79" t="s">
        <v>48</v>
      </c>
    </row>
    <row r="495" spans="1:6" ht="14.65" customHeight="1">
      <c r="A495" s="40" t="s">
        <v>238</v>
      </c>
      <c r="B495" s="145">
        <v>2352397</v>
      </c>
      <c r="C495" s="41" t="s">
        <v>249</v>
      </c>
      <c r="D495" s="41" t="s">
        <v>251</v>
      </c>
      <c r="E495" s="42" t="s">
        <v>713</v>
      </c>
      <c r="F495" s="79" t="s">
        <v>48</v>
      </c>
    </row>
    <row r="496" spans="1:6" ht="14.65" customHeight="1">
      <c r="A496" s="40"/>
      <c r="B496" s="145"/>
      <c r="C496" s="41"/>
      <c r="D496" s="41"/>
      <c r="E496" s="42"/>
      <c r="F496" s="43"/>
    </row>
    <row r="497" spans="1:6" ht="14.65" customHeight="1">
      <c r="A497" s="45" t="s">
        <v>238</v>
      </c>
      <c r="B497" s="146">
        <v>2317338</v>
      </c>
      <c r="C497" s="46" t="s">
        <v>253</v>
      </c>
      <c r="D497" s="46" t="s">
        <v>675</v>
      </c>
      <c r="E497" s="45" t="s">
        <v>695</v>
      </c>
      <c r="F497" s="46" t="s">
        <v>16</v>
      </c>
    </row>
    <row r="498" spans="1:6" ht="14.65" customHeight="1">
      <c r="A498" s="45"/>
      <c r="B498" s="146"/>
      <c r="C498" s="46"/>
      <c r="D498" s="46"/>
      <c r="E498" s="45"/>
      <c r="F498" s="46"/>
    </row>
    <row r="499" spans="1:6" ht="14.65" customHeight="1">
      <c r="A499" s="40" t="s">
        <v>238</v>
      </c>
      <c r="B499" s="145">
        <v>585114</v>
      </c>
      <c r="C499" s="41" t="s">
        <v>254</v>
      </c>
      <c r="D499" s="41" t="s">
        <v>255</v>
      </c>
      <c r="E499" s="42" t="s">
        <v>683</v>
      </c>
      <c r="F499" s="79" t="s">
        <v>16</v>
      </c>
    </row>
    <row r="500" spans="1:6" ht="14.65" customHeight="1">
      <c r="A500" s="40" t="s">
        <v>238</v>
      </c>
      <c r="B500" s="145">
        <v>629359</v>
      </c>
      <c r="C500" s="41" t="s">
        <v>254</v>
      </c>
      <c r="D500" s="41" t="s">
        <v>252</v>
      </c>
      <c r="E500" s="42" t="s">
        <v>719</v>
      </c>
      <c r="F500" s="79" t="s">
        <v>16</v>
      </c>
    </row>
    <row r="501" spans="1:6" ht="14.65" customHeight="1">
      <c r="A501" s="40"/>
      <c r="B501" s="145"/>
      <c r="C501" s="41"/>
      <c r="D501" s="41"/>
      <c r="E501" s="42"/>
      <c r="F501" s="43"/>
    </row>
    <row r="502" spans="1:6" ht="14.65" customHeight="1">
      <c r="A502" s="40" t="s">
        <v>238</v>
      </c>
      <c r="B502" s="145">
        <v>2162792</v>
      </c>
      <c r="C502" s="41" t="s">
        <v>256</v>
      </c>
      <c r="D502" s="41" t="s">
        <v>257</v>
      </c>
      <c r="E502" s="42" t="s">
        <v>694</v>
      </c>
      <c r="F502" s="79" t="s">
        <v>48</v>
      </c>
    </row>
    <row r="503" spans="1:6" ht="14.65" customHeight="1">
      <c r="A503" s="40" t="s">
        <v>238</v>
      </c>
      <c r="B503" s="145">
        <v>2243312</v>
      </c>
      <c r="C503" s="41" t="s">
        <v>256</v>
      </c>
      <c r="D503" s="41" t="s">
        <v>258</v>
      </c>
      <c r="E503" s="42" t="s">
        <v>719</v>
      </c>
      <c r="F503" s="79" t="s">
        <v>48</v>
      </c>
    </row>
    <row r="504" spans="1:6" ht="14.65" customHeight="1">
      <c r="A504" s="40"/>
      <c r="B504" s="145"/>
      <c r="C504" s="41"/>
      <c r="D504" s="41"/>
      <c r="E504" s="42"/>
      <c r="F504" s="43"/>
    </row>
    <row r="505" spans="1:6" ht="14.65" customHeight="1">
      <c r="A505" s="40" t="s">
        <v>238</v>
      </c>
      <c r="B505" s="145">
        <v>2162415</v>
      </c>
      <c r="C505" s="41" t="s">
        <v>260</v>
      </c>
      <c r="D505" s="41" t="s">
        <v>261</v>
      </c>
      <c r="E505" s="42" t="s">
        <v>694</v>
      </c>
      <c r="F505" s="79" t="s">
        <v>48</v>
      </c>
    </row>
    <row r="506" spans="1:6" ht="14.65" customHeight="1">
      <c r="A506" s="40" t="s">
        <v>238</v>
      </c>
      <c r="B506" s="145">
        <v>2243313</v>
      </c>
      <c r="C506" s="41" t="s">
        <v>260</v>
      </c>
      <c r="D506" s="41" t="s">
        <v>258</v>
      </c>
      <c r="E506" s="42" t="s">
        <v>719</v>
      </c>
      <c r="F506" s="79" t="s">
        <v>48</v>
      </c>
    </row>
    <row r="507" spans="1:6" ht="14.65" customHeight="1">
      <c r="A507" s="40" t="s">
        <v>238</v>
      </c>
      <c r="B507" s="145">
        <v>2246700</v>
      </c>
      <c r="C507" s="41" t="s">
        <v>260</v>
      </c>
      <c r="D507" s="41" t="s">
        <v>262</v>
      </c>
      <c r="E507" s="42" t="s">
        <v>683</v>
      </c>
      <c r="F507" s="79" t="s">
        <v>48</v>
      </c>
    </row>
    <row r="508" spans="1:6" ht="14.65" customHeight="1">
      <c r="A508" s="40"/>
      <c r="B508" s="145"/>
      <c r="C508" s="41"/>
      <c r="D508" s="41"/>
      <c r="E508" s="42"/>
      <c r="F508" s="43"/>
    </row>
    <row r="509" spans="1:6" ht="14.65" customHeight="1">
      <c r="A509" s="40" t="s">
        <v>238</v>
      </c>
      <c r="B509" s="145">
        <v>2162423</v>
      </c>
      <c r="C509" s="41" t="s">
        <v>264</v>
      </c>
      <c r="D509" s="41" t="s">
        <v>261</v>
      </c>
      <c r="E509" s="42" t="s">
        <v>694</v>
      </c>
      <c r="F509" s="79" t="s">
        <v>48</v>
      </c>
    </row>
    <row r="510" spans="1:6" ht="14.65" customHeight="1">
      <c r="A510" s="40" t="s">
        <v>238</v>
      </c>
      <c r="B510" s="145">
        <v>2243314</v>
      </c>
      <c r="C510" s="41" t="s">
        <v>264</v>
      </c>
      <c r="D510" s="41" t="s">
        <v>258</v>
      </c>
      <c r="E510" s="42" t="s">
        <v>719</v>
      </c>
      <c r="F510" s="79" t="s">
        <v>48</v>
      </c>
    </row>
    <row r="511" spans="1:6" ht="14.65" customHeight="1">
      <c r="A511" s="40" t="s">
        <v>238</v>
      </c>
      <c r="B511" s="145">
        <v>2246701</v>
      </c>
      <c r="C511" s="41" t="s">
        <v>264</v>
      </c>
      <c r="D511" s="41" t="s">
        <v>262</v>
      </c>
      <c r="E511" s="42" t="s">
        <v>683</v>
      </c>
      <c r="F511" s="79" t="s">
        <v>48</v>
      </c>
    </row>
    <row r="512" spans="1:6" ht="14.65" customHeight="1">
      <c r="A512" s="40" t="s">
        <v>238</v>
      </c>
      <c r="B512" s="145">
        <v>2294710</v>
      </c>
      <c r="C512" s="41" t="s">
        <v>264</v>
      </c>
      <c r="D512" s="41" t="s">
        <v>263</v>
      </c>
      <c r="E512" s="42" t="s">
        <v>709</v>
      </c>
      <c r="F512" s="79" t="s">
        <v>48</v>
      </c>
    </row>
    <row r="513" spans="1:6" ht="14.65" customHeight="1">
      <c r="A513" s="40" t="s">
        <v>238</v>
      </c>
      <c r="B513" s="145">
        <v>2350807</v>
      </c>
      <c r="C513" s="41" t="s">
        <v>264</v>
      </c>
      <c r="D513" s="41" t="s">
        <v>259</v>
      </c>
      <c r="E513" s="42" t="s">
        <v>713</v>
      </c>
      <c r="F513" s="79" t="s">
        <v>48</v>
      </c>
    </row>
    <row r="514" spans="1:6" ht="14.65" customHeight="1">
      <c r="A514" s="40"/>
      <c r="B514" s="145"/>
      <c r="C514" s="41"/>
      <c r="D514" s="41"/>
      <c r="E514" s="42"/>
      <c r="F514" s="43"/>
    </row>
    <row r="515" spans="1:6" ht="14.65" customHeight="1">
      <c r="A515" s="40" t="s">
        <v>238</v>
      </c>
      <c r="B515" s="145">
        <v>522651</v>
      </c>
      <c r="C515" s="41" t="s">
        <v>265</v>
      </c>
      <c r="D515" s="41" t="s">
        <v>266</v>
      </c>
      <c r="E515" s="42" t="s">
        <v>683</v>
      </c>
      <c r="F515" s="79" t="s">
        <v>16</v>
      </c>
    </row>
    <row r="516" spans="1:6" ht="14.65" customHeight="1">
      <c r="A516" s="40" t="s">
        <v>238</v>
      </c>
      <c r="B516" s="145">
        <v>565350</v>
      </c>
      <c r="C516" s="41" t="s">
        <v>265</v>
      </c>
      <c r="D516" s="41" t="s">
        <v>267</v>
      </c>
      <c r="E516" s="42" t="s">
        <v>719</v>
      </c>
      <c r="F516" s="79" t="s">
        <v>16</v>
      </c>
    </row>
    <row r="517" spans="1:6" ht="14.65" customHeight="1">
      <c r="A517" s="40" t="s">
        <v>238</v>
      </c>
      <c r="B517" s="145">
        <v>2350750</v>
      </c>
      <c r="C517" s="41" t="s">
        <v>265</v>
      </c>
      <c r="D517" s="41" t="s">
        <v>268</v>
      </c>
      <c r="E517" s="42" t="s">
        <v>713</v>
      </c>
      <c r="F517" s="79" t="s">
        <v>16</v>
      </c>
    </row>
    <row r="518" spans="1:6" ht="14.65" customHeight="1">
      <c r="A518" s="40"/>
      <c r="B518" s="145"/>
      <c r="C518" s="41"/>
      <c r="D518" s="41"/>
      <c r="E518" s="42"/>
      <c r="F518" s="43"/>
    </row>
    <row r="519" spans="1:6" ht="14.65" customHeight="1">
      <c r="A519" s="40" t="s">
        <v>238</v>
      </c>
      <c r="B519" s="145">
        <v>600806</v>
      </c>
      <c r="C519" s="41" t="s">
        <v>269</v>
      </c>
      <c r="D519" s="41" t="s">
        <v>270</v>
      </c>
      <c r="E519" s="42" t="s">
        <v>683</v>
      </c>
      <c r="F519" s="79" t="s">
        <v>16</v>
      </c>
    </row>
    <row r="520" spans="1:6" ht="14.65" customHeight="1">
      <c r="A520" s="40" t="s">
        <v>238</v>
      </c>
      <c r="B520" s="145">
        <v>627097</v>
      </c>
      <c r="C520" s="41" t="s">
        <v>269</v>
      </c>
      <c r="D520" s="41" t="s">
        <v>267</v>
      </c>
      <c r="E520" s="42" t="s">
        <v>719</v>
      </c>
      <c r="F520" s="79" t="s">
        <v>16</v>
      </c>
    </row>
    <row r="521" spans="1:6" ht="14.65" customHeight="1">
      <c r="A521" s="40" t="s">
        <v>238</v>
      </c>
      <c r="B521" s="145">
        <v>2350769</v>
      </c>
      <c r="C521" s="41" t="s">
        <v>269</v>
      </c>
      <c r="D521" s="41" t="s">
        <v>268</v>
      </c>
      <c r="E521" s="42" t="s">
        <v>713</v>
      </c>
      <c r="F521" s="79" t="s">
        <v>16</v>
      </c>
    </row>
    <row r="522" spans="1:6" ht="14.65" customHeight="1">
      <c r="A522" s="40"/>
      <c r="B522" s="145"/>
      <c r="C522" s="41"/>
      <c r="D522" s="41"/>
      <c r="E522" s="42"/>
      <c r="F522" s="43"/>
    </row>
    <row r="523" spans="1:6" ht="14.65" customHeight="1">
      <c r="A523" s="40" t="s">
        <v>238</v>
      </c>
      <c r="B523" s="145">
        <v>589861</v>
      </c>
      <c r="C523" s="41" t="s">
        <v>271</v>
      </c>
      <c r="D523" s="41" t="s">
        <v>267</v>
      </c>
      <c r="E523" s="42" t="s">
        <v>719</v>
      </c>
      <c r="F523" s="79" t="s">
        <v>16</v>
      </c>
    </row>
    <row r="524" spans="1:6" ht="14.65" customHeight="1">
      <c r="A524" s="40" t="s">
        <v>238</v>
      </c>
      <c r="B524" s="145">
        <v>592277</v>
      </c>
      <c r="C524" s="41" t="s">
        <v>271</v>
      </c>
      <c r="D524" s="41" t="s">
        <v>272</v>
      </c>
      <c r="E524" s="42" t="s">
        <v>683</v>
      </c>
      <c r="F524" s="79" t="s">
        <v>16</v>
      </c>
    </row>
    <row r="525" spans="1:6" ht="14.65" customHeight="1">
      <c r="A525" s="8"/>
      <c r="B525" s="165"/>
      <c r="C525" s="6"/>
      <c r="D525" s="6"/>
      <c r="E525" s="23"/>
      <c r="F525" s="9"/>
    </row>
    <row r="526" spans="1:6" ht="14.65" customHeight="1">
      <c r="A526" s="203" t="s">
        <v>632</v>
      </c>
      <c r="B526" s="205" t="s">
        <v>722</v>
      </c>
      <c r="C526" s="205"/>
      <c r="D526" s="205"/>
      <c r="E526" s="205"/>
      <c r="F526" s="205"/>
    </row>
    <row r="527" spans="1:6" ht="14.65" customHeight="1">
      <c r="A527" s="203"/>
      <c r="B527" s="205"/>
      <c r="C527" s="205"/>
      <c r="D527" s="205"/>
      <c r="E527" s="205"/>
      <c r="F527" s="205"/>
    </row>
    <row r="528" spans="1:6">
      <c r="A528" s="8"/>
      <c r="B528" s="165"/>
      <c r="C528" s="6"/>
      <c r="D528" s="6"/>
      <c r="E528" s="23"/>
      <c r="F528" s="9"/>
    </row>
    <row r="529" spans="1:6">
      <c r="A529" s="201" t="s">
        <v>273</v>
      </c>
      <c r="B529" s="201"/>
      <c r="C529" s="201"/>
      <c r="D529" s="201"/>
      <c r="E529" s="35"/>
      <c r="F529" s="131" t="s">
        <v>11</v>
      </c>
    </row>
    <row r="530" spans="1:6" ht="24.75">
      <c r="A530" s="201"/>
      <c r="B530" s="201"/>
      <c r="C530" s="201"/>
      <c r="D530" s="201"/>
      <c r="E530" s="36"/>
      <c r="F530" s="21" t="s">
        <v>674</v>
      </c>
    </row>
    <row r="531" spans="1:6" ht="14.65" customHeight="1">
      <c r="A531" s="40" t="s">
        <v>274</v>
      </c>
      <c r="B531" s="145">
        <v>2182815</v>
      </c>
      <c r="C531" s="41" t="s">
        <v>275</v>
      </c>
      <c r="D531" s="41" t="s">
        <v>276</v>
      </c>
      <c r="E531" s="42" t="s">
        <v>700</v>
      </c>
      <c r="F531" s="43" t="s">
        <v>16</v>
      </c>
    </row>
    <row r="532" spans="1:6" ht="14.65" customHeight="1">
      <c r="A532" s="40" t="s">
        <v>274</v>
      </c>
      <c r="B532" s="145">
        <v>2313332</v>
      </c>
      <c r="C532" s="41" t="s">
        <v>275</v>
      </c>
      <c r="D532" s="41" t="s">
        <v>277</v>
      </c>
      <c r="E532" s="42" t="s">
        <v>712</v>
      </c>
      <c r="F532" s="43" t="s">
        <v>16</v>
      </c>
    </row>
    <row r="533" spans="1:6" ht="14.65" customHeight="1">
      <c r="A533" s="40" t="s">
        <v>274</v>
      </c>
      <c r="B533" s="145">
        <v>2354829</v>
      </c>
      <c r="C533" s="41" t="s">
        <v>275</v>
      </c>
      <c r="D533" s="41" t="s">
        <v>278</v>
      </c>
      <c r="E533" s="42" t="s">
        <v>682</v>
      </c>
      <c r="F533" s="43" t="s">
        <v>16</v>
      </c>
    </row>
    <row r="534" spans="1:6" ht="14.65" customHeight="1">
      <c r="A534" s="40" t="s">
        <v>274</v>
      </c>
      <c r="B534" s="145">
        <v>2379058</v>
      </c>
      <c r="C534" s="41" t="s">
        <v>275</v>
      </c>
      <c r="D534" s="41" t="s">
        <v>279</v>
      </c>
      <c r="E534" s="42" t="s">
        <v>683</v>
      </c>
      <c r="F534" s="43" t="s">
        <v>16</v>
      </c>
    </row>
    <row r="535" spans="1:6" ht="14.65" customHeight="1">
      <c r="A535" s="40" t="s">
        <v>274</v>
      </c>
      <c r="B535" s="145">
        <v>2380838</v>
      </c>
      <c r="C535" s="41" t="s">
        <v>275</v>
      </c>
      <c r="D535" s="41" t="s">
        <v>280</v>
      </c>
      <c r="E535" s="42" t="s">
        <v>719</v>
      </c>
      <c r="F535" s="43" t="s">
        <v>16</v>
      </c>
    </row>
    <row r="536" spans="1:6" ht="14.65" customHeight="1">
      <c r="A536" s="40" t="s">
        <v>274</v>
      </c>
      <c r="B536" s="145">
        <v>2388863</v>
      </c>
      <c r="C536" s="41" t="s">
        <v>275</v>
      </c>
      <c r="D536" s="41" t="s">
        <v>281</v>
      </c>
      <c r="E536" s="42" t="s">
        <v>713</v>
      </c>
      <c r="F536" s="43" t="s">
        <v>16</v>
      </c>
    </row>
    <row r="537" spans="1:6" ht="14.65" customHeight="1">
      <c r="A537" s="40" t="s">
        <v>274</v>
      </c>
      <c r="B537" s="145">
        <v>2398834</v>
      </c>
      <c r="C537" s="41" t="s">
        <v>275</v>
      </c>
      <c r="D537" s="41" t="s">
        <v>282</v>
      </c>
      <c r="E537" s="42" t="s">
        <v>695</v>
      </c>
      <c r="F537" s="43" t="s">
        <v>16</v>
      </c>
    </row>
    <row r="538" spans="1:6" ht="14.65" customHeight="1">
      <c r="A538" s="40" t="s">
        <v>274</v>
      </c>
      <c r="B538" s="145">
        <v>2403323</v>
      </c>
      <c r="C538" s="41" t="s">
        <v>275</v>
      </c>
      <c r="D538" s="41" t="s">
        <v>283</v>
      </c>
      <c r="E538" s="42" t="s">
        <v>686</v>
      </c>
      <c r="F538" s="43" t="s">
        <v>16</v>
      </c>
    </row>
    <row r="539" spans="1:6" ht="14.65" customHeight="1">
      <c r="A539" s="40" t="s">
        <v>274</v>
      </c>
      <c r="B539" s="145">
        <v>2424967</v>
      </c>
      <c r="C539" s="41" t="s">
        <v>275</v>
      </c>
      <c r="D539" s="41" t="s">
        <v>284</v>
      </c>
      <c r="E539" s="42" t="s">
        <v>715</v>
      </c>
      <c r="F539" s="43" t="s">
        <v>16</v>
      </c>
    </row>
    <row r="540" spans="1:6" ht="14.65" customHeight="1">
      <c r="A540" s="67" t="s">
        <v>274</v>
      </c>
      <c r="B540" s="150">
        <v>2309750</v>
      </c>
      <c r="C540" s="68" t="s">
        <v>275</v>
      </c>
      <c r="D540" s="68" t="s">
        <v>285</v>
      </c>
      <c r="E540" s="69" t="s">
        <v>709</v>
      </c>
      <c r="F540" s="70" t="s">
        <v>16</v>
      </c>
    </row>
    <row r="541" spans="1:6" ht="14.65" customHeight="1">
      <c r="A541" s="67" t="s">
        <v>274</v>
      </c>
      <c r="B541" s="150">
        <v>2388790</v>
      </c>
      <c r="C541" s="68" t="s">
        <v>275</v>
      </c>
      <c r="D541" s="68" t="s">
        <v>281</v>
      </c>
      <c r="E541" s="69" t="s">
        <v>717</v>
      </c>
      <c r="F541" s="70" t="s">
        <v>16</v>
      </c>
    </row>
    <row r="542" spans="1:6" ht="14.65" customHeight="1">
      <c r="A542" s="67" t="s">
        <v>274</v>
      </c>
      <c r="B542" s="150">
        <v>2405733</v>
      </c>
      <c r="C542" s="68" t="s">
        <v>275</v>
      </c>
      <c r="D542" s="68" t="s">
        <v>286</v>
      </c>
      <c r="E542" s="69" t="s">
        <v>701</v>
      </c>
      <c r="F542" s="70" t="s">
        <v>16</v>
      </c>
    </row>
    <row r="543" spans="1:6" ht="14.65" customHeight="1">
      <c r="A543" s="40"/>
      <c r="B543" s="145"/>
      <c r="C543" s="41"/>
      <c r="D543" s="41"/>
      <c r="E543" s="42"/>
      <c r="F543" s="43"/>
    </row>
    <row r="544" spans="1:6" ht="14.65" customHeight="1">
      <c r="A544" s="40" t="s">
        <v>274</v>
      </c>
      <c r="B544" s="145">
        <v>2182874</v>
      </c>
      <c r="C544" s="41" t="s">
        <v>287</v>
      </c>
      <c r="D544" s="41" t="s">
        <v>276</v>
      </c>
      <c r="E544" s="42" t="s">
        <v>700</v>
      </c>
      <c r="F544" s="43" t="s">
        <v>16</v>
      </c>
    </row>
    <row r="545" spans="1:6" ht="14.65" customHeight="1">
      <c r="A545" s="40" t="s">
        <v>274</v>
      </c>
      <c r="B545" s="145">
        <v>2313340</v>
      </c>
      <c r="C545" s="41" t="s">
        <v>287</v>
      </c>
      <c r="D545" s="41" t="s">
        <v>277</v>
      </c>
      <c r="E545" s="42" t="s">
        <v>712</v>
      </c>
      <c r="F545" s="43" t="s">
        <v>16</v>
      </c>
    </row>
    <row r="546" spans="1:6" ht="14.65" customHeight="1">
      <c r="A546" s="40" t="s">
        <v>274</v>
      </c>
      <c r="B546" s="145">
        <v>2353504</v>
      </c>
      <c r="C546" s="41" t="s">
        <v>287</v>
      </c>
      <c r="D546" s="41" t="s">
        <v>279</v>
      </c>
      <c r="E546" s="42" t="s">
        <v>683</v>
      </c>
      <c r="F546" s="43" t="s">
        <v>16</v>
      </c>
    </row>
    <row r="547" spans="1:6" ht="14.65" customHeight="1">
      <c r="A547" s="40" t="s">
        <v>274</v>
      </c>
      <c r="B547" s="145">
        <v>2354837</v>
      </c>
      <c r="C547" s="41" t="s">
        <v>287</v>
      </c>
      <c r="D547" s="41" t="s">
        <v>278</v>
      </c>
      <c r="E547" s="42" t="s">
        <v>682</v>
      </c>
      <c r="F547" s="43" t="s">
        <v>16</v>
      </c>
    </row>
    <row r="548" spans="1:6" ht="14.65" customHeight="1">
      <c r="A548" s="40" t="s">
        <v>274</v>
      </c>
      <c r="B548" s="145">
        <v>2357968</v>
      </c>
      <c r="C548" s="41" t="s">
        <v>287</v>
      </c>
      <c r="D548" s="41" t="s">
        <v>280</v>
      </c>
      <c r="E548" s="42" t="s">
        <v>719</v>
      </c>
      <c r="F548" s="43" t="s">
        <v>16</v>
      </c>
    </row>
    <row r="549" spans="1:6" ht="14.65" customHeight="1">
      <c r="A549" s="40" t="s">
        <v>274</v>
      </c>
      <c r="B549" s="145">
        <v>2388871</v>
      </c>
      <c r="C549" s="41" t="s">
        <v>287</v>
      </c>
      <c r="D549" s="41" t="s">
        <v>281</v>
      </c>
      <c r="E549" s="42" t="s">
        <v>713</v>
      </c>
      <c r="F549" s="43" t="s">
        <v>16</v>
      </c>
    </row>
    <row r="550" spans="1:6" ht="14.65" customHeight="1">
      <c r="A550" s="40" t="s">
        <v>274</v>
      </c>
      <c r="B550" s="145">
        <v>2398842</v>
      </c>
      <c r="C550" s="41" t="s">
        <v>287</v>
      </c>
      <c r="D550" s="41" t="s">
        <v>282</v>
      </c>
      <c r="E550" s="42" t="s">
        <v>695</v>
      </c>
      <c r="F550" s="43" t="s">
        <v>16</v>
      </c>
    </row>
    <row r="551" spans="1:6" ht="14.65" customHeight="1">
      <c r="A551" s="40" t="s">
        <v>274</v>
      </c>
      <c r="B551" s="145">
        <v>2403331</v>
      </c>
      <c r="C551" s="41" t="s">
        <v>287</v>
      </c>
      <c r="D551" s="41" t="s">
        <v>283</v>
      </c>
      <c r="E551" s="42" t="s">
        <v>686</v>
      </c>
      <c r="F551" s="43" t="s">
        <v>16</v>
      </c>
    </row>
    <row r="552" spans="1:6" ht="14.65" customHeight="1">
      <c r="A552" s="40" t="s">
        <v>274</v>
      </c>
      <c r="B552" s="145">
        <v>2424975</v>
      </c>
      <c r="C552" s="41" t="s">
        <v>287</v>
      </c>
      <c r="D552" s="41" t="s">
        <v>284</v>
      </c>
      <c r="E552" s="42" t="s">
        <v>715</v>
      </c>
      <c r="F552" s="43" t="s">
        <v>16</v>
      </c>
    </row>
    <row r="553" spans="1:6" ht="14.65" customHeight="1">
      <c r="A553" s="67" t="s">
        <v>274</v>
      </c>
      <c r="B553" s="150">
        <v>2309769</v>
      </c>
      <c r="C553" s="68" t="s">
        <v>287</v>
      </c>
      <c r="D553" s="68" t="s">
        <v>285</v>
      </c>
      <c r="E553" s="69" t="s">
        <v>709</v>
      </c>
      <c r="F553" s="70" t="s">
        <v>16</v>
      </c>
    </row>
    <row r="554" spans="1:6" ht="14.65" customHeight="1">
      <c r="A554" s="67" t="s">
        <v>274</v>
      </c>
      <c r="B554" s="150">
        <v>2388804</v>
      </c>
      <c r="C554" s="68" t="s">
        <v>287</v>
      </c>
      <c r="D554" s="68" t="s">
        <v>281</v>
      </c>
      <c r="E554" s="69" t="s">
        <v>717</v>
      </c>
      <c r="F554" s="70" t="s">
        <v>16</v>
      </c>
    </row>
    <row r="555" spans="1:6" ht="14.65" customHeight="1">
      <c r="A555" s="67" t="s">
        <v>274</v>
      </c>
      <c r="B555" s="150">
        <v>2405741</v>
      </c>
      <c r="C555" s="68" t="s">
        <v>287</v>
      </c>
      <c r="D555" s="68" t="s">
        <v>286</v>
      </c>
      <c r="E555" s="69" t="s">
        <v>701</v>
      </c>
      <c r="F555" s="70" t="s">
        <v>16</v>
      </c>
    </row>
    <row r="556" spans="1:6" ht="14.65" customHeight="1">
      <c r="A556" s="40"/>
      <c r="B556" s="145"/>
      <c r="C556" s="41"/>
      <c r="D556" s="41"/>
      <c r="E556" s="42"/>
      <c r="F556" s="43"/>
    </row>
    <row r="557" spans="1:6" ht="14.65" customHeight="1">
      <c r="A557" s="40" t="s">
        <v>274</v>
      </c>
      <c r="B557" s="145">
        <v>2182882</v>
      </c>
      <c r="C557" s="41" t="s">
        <v>288</v>
      </c>
      <c r="D557" s="41" t="s">
        <v>276</v>
      </c>
      <c r="E557" s="42" t="s">
        <v>700</v>
      </c>
      <c r="F557" s="43" t="s">
        <v>16</v>
      </c>
    </row>
    <row r="558" spans="1:6" ht="14.65" customHeight="1">
      <c r="A558" s="40" t="s">
        <v>274</v>
      </c>
      <c r="B558" s="145">
        <v>2313359</v>
      </c>
      <c r="C558" s="41" t="s">
        <v>288</v>
      </c>
      <c r="D558" s="41" t="s">
        <v>277</v>
      </c>
      <c r="E558" s="42" t="s">
        <v>712</v>
      </c>
      <c r="F558" s="43" t="s">
        <v>16</v>
      </c>
    </row>
    <row r="559" spans="1:6" ht="14.65" customHeight="1">
      <c r="A559" s="40" t="s">
        <v>274</v>
      </c>
      <c r="B559" s="145">
        <v>2353512</v>
      </c>
      <c r="C559" s="41" t="s">
        <v>288</v>
      </c>
      <c r="D559" s="41" t="s">
        <v>279</v>
      </c>
      <c r="E559" s="42" t="s">
        <v>683</v>
      </c>
      <c r="F559" s="43" t="s">
        <v>16</v>
      </c>
    </row>
    <row r="560" spans="1:6" ht="14.65" customHeight="1">
      <c r="A560" s="40" t="s">
        <v>274</v>
      </c>
      <c r="B560" s="145">
        <v>2354845</v>
      </c>
      <c r="C560" s="41" t="s">
        <v>288</v>
      </c>
      <c r="D560" s="41" t="s">
        <v>278</v>
      </c>
      <c r="E560" s="42" t="s">
        <v>682</v>
      </c>
      <c r="F560" s="43" t="s">
        <v>16</v>
      </c>
    </row>
    <row r="561" spans="1:6" ht="14.65" customHeight="1">
      <c r="A561" s="40" t="s">
        <v>274</v>
      </c>
      <c r="B561" s="145">
        <v>2357976</v>
      </c>
      <c r="C561" s="41" t="s">
        <v>288</v>
      </c>
      <c r="D561" s="41" t="s">
        <v>280</v>
      </c>
      <c r="E561" s="42" t="s">
        <v>719</v>
      </c>
      <c r="F561" s="43" t="s">
        <v>16</v>
      </c>
    </row>
    <row r="562" spans="1:6" ht="14.65" customHeight="1">
      <c r="A562" s="40" t="s">
        <v>274</v>
      </c>
      <c r="B562" s="145">
        <v>2388898</v>
      </c>
      <c r="C562" s="41" t="s">
        <v>288</v>
      </c>
      <c r="D562" s="41" t="s">
        <v>281</v>
      </c>
      <c r="E562" s="42" t="s">
        <v>713</v>
      </c>
      <c r="F562" s="43" t="s">
        <v>16</v>
      </c>
    </row>
    <row r="563" spans="1:6" ht="14.65" customHeight="1">
      <c r="A563" s="40" t="s">
        <v>274</v>
      </c>
      <c r="B563" s="145">
        <v>2398850</v>
      </c>
      <c r="C563" s="41" t="s">
        <v>288</v>
      </c>
      <c r="D563" s="41" t="s">
        <v>282</v>
      </c>
      <c r="E563" s="42" t="s">
        <v>695</v>
      </c>
      <c r="F563" s="43" t="s">
        <v>16</v>
      </c>
    </row>
    <row r="564" spans="1:6" ht="14.65" customHeight="1">
      <c r="A564" s="40" t="s">
        <v>274</v>
      </c>
      <c r="B564" s="145">
        <v>2403358</v>
      </c>
      <c r="C564" s="41" t="s">
        <v>288</v>
      </c>
      <c r="D564" s="41" t="s">
        <v>283</v>
      </c>
      <c r="E564" s="42" t="s">
        <v>686</v>
      </c>
      <c r="F564" s="43" t="s">
        <v>16</v>
      </c>
    </row>
    <row r="565" spans="1:6" ht="14.65" customHeight="1">
      <c r="A565" s="40" t="s">
        <v>274</v>
      </c>
      <c r="B565" s="145">
        <v>2424983</v>
      </c>
      <c r="C565" s="41" t="s">
        <v>288</v>
      </c>
      <c r="D565" s="41" t="s">
        <v>284</v>
      </c>
      <c r="E565" s="42" t="s">
        <v>715</v>
      </c>
      <c r="F565" s="43" t="s">
        <v>16</v>
      </c>
    </row>
    <row r="566" spans="1:6" ht="14.65" customHeight="1">
      <c r="A566" s="67" t="s">
        <v>274</v>
      </c>
      <c r="B566" s="150">
        <v>2309777</v>
      </c>
      <c r="C566" s="68" t="s">
        <v>288</v>
      </c>
      <c r="D566" s="68" t="s">
        <v>285</v>
      </c>
      <c r="E566" s="69" t="s">
        <v>709</v>
      </c>
      <c r="F566" s="70" t="s">
        <v>16</v>
      </c>
    </row>
    <row r="567" spans="1:6" ht="14.65" customHeight="1">
      <c r="A567" s="67" t="s">
        <v>274</v>
      </c>
      <c r="B567" s="150">
        <v>2388812</v>
      </c>
      <c r="C567" s="68" t="s">
        <v>288</v>
      </c>
      <c r="D567" s="68" t="s">
        <v>281</v>
      </c>
      <c r="E567" s="69" t="s">
        <v>717</v>
      </c>
      <c r="F567" s="70" t="s">
        <v>16</v>
      </c>
    </row>
    <row r="568" spans="1:6" ht="14.65" customHeight="1">
      <c r="A568" s="67" t="s">
        <v>274</v>
      </c>
      <c r="B568" s="150">
        <v>2405768</v>
      </c>
      <c r="C568" s="68" t="s">
        <v>288</v>
      </c>
      <c r="D568" s="68" t="s">
        <v>286</v>
      </c>
      <c r="E568" s="69" t="s">
        <v>701</v>
      </c>
      <c r="F568" s="70" t="s">
        <v>16</v>
      </c>
    </row>
    <row r="569" spans="1:6" ht="14.65" customHeight="1">
      <c r="A569" s="40"/>
      <c r="B569" s="145"/>
      <c r="C569" s="41"/>
      <c r="D569" s="41"/>
      <c r="E569" s="42"/>
      <c r="F569" s="43"/>
    </row>
    <row r="570" spans="1:6" ht="14.65" customHeight="1">
      <c r="A570" s="40" t="s">
        <v>274</v>
      </c>
      <c r="B570" s="145">
        <v>2230047</v>
      </c>
      <c r="C570" s="41" t="s">
        <v>289</v>
      </c>
      <c r="D570" s="41" t="s">
        <v>290</v>
      </c>
      <c r="E570" s="42" t="s">
        <v>700</v>
      </c>
      <c r="F570" s="43" t="s">
        <v>16</v>
      </c>
    </row>
    <row r="571" spans="1:6" ht="14.65" customHeight="1">
      <c r="A571" s="40" t="s">
        <v>274</v>
      </c>
      <c r="B571" s="145">
        <v>2313375</v>
      </c>
      <c r="C571" s="41" t="s">
        <v>289</v>
      </c>
      <c r="D571" s="41" t="s">
        <v>291</v>
      </c>
      <c r="E571" s="42" t="s">
        <v>712</v>
      </c>
      <c r="F571" s="43" t="s">
        <v>16</v>
      </c>
    </row>
    <row r="572" spans="1:6" ht="14.65" customHeight="1">
      <c r="A572" s="40" t="s">
        <v>274</v>
      </c>
      <c r="B572" s="145">
        <v>2371235</v>
      </c>
      <c r="C572" s="41" t="s">
        <v>289</v>
      </c>
      <c r="D572" s="41" t="s">
        <v>292</v>
      </c>
      <c r="E572" s="42" t="s">
        <v>683</v>
      </c>
      <c r="F572" s="43" t="s">
        <v>16</v>
      </c>
    </row>
    <row r="573" spans="1:6" ht="14.65" customHeight="1">
      <c r="A573" s="40" t="s">
        <v>274</v>
      </c>
      <c r="B573" s="145">
        <v>2388251</v>
      </c>
      <c r="C573" s="41" t="s">
        <v>289</v>
      </c>
      <c r="D573" s="41" t="s">
        <v>293</v>
      </c>
      <c r="E573" s="42" t="s">
        <v>682</v>
      </c>
      <c r="F573" s="43" t="s">
        <v>16</v>
      </c>
    </row>
    <row r="574" spans="1:6" ht="14.65" customHeight="1">
      <c r="A574" s="40" t="s">
        <v>274</v>
      </c>
      <c r="B574" s="145">
        <v>2408244</v>
      </c>
      <c r="C574" s="41" t="s">
        <v>289</v>
      </c>
      <c r="D574" s="41" t="s">
        <v>294</v>
      </c>
      <c r="E574" s="42" t="s">
        <v>695</v>
      </c>
      <c r="F574" s="43" t="s">
        <v>16</v>
      </c>
    </row>
    <row r="575" spans="1:6" ht="14.65" customHeight="1">
      <c r="A575" s="67" t="s">
        <v>274</v>
      </c>
      <c r="B575" s="150">
        <v>2358263</v>
      </c>
      <c r="C575" s="68" t="s">
        <v>289</v>
      </c>
      <c r="D575" s="68" t="s">
        <v>295</v>
      </c>
      <c r="E575" s="69" t="s">
        <v>719</v>
      </c>
      <c r="F575" s="70" t="s">
        <v>16</v>
      </c>
    </row>
    <row r="576" spans="1:6" ht="14.65" customHeight="1">
      <c r="A576" s="67" t="s">
        <v>274</v>
      </c>
      <c r="B576" s="150">
        <v>2388960</v>
      </c>
      <c r="C576" s="68" t="s">
        <v>289</v>
      </c>
      <c r="D576" s="68" t="s">
        <v>296</v>
      </c>
      <c r="E576" s="69" t="s">
        <v>717</v>
      </c>
      <c r="F576" s="70" t="s">
        <v>16</v>
      </c>
    </row>
    <row r="577" spans="1:6" ht="14.65" customHeight="1">
      <c r="A577" s="67" t="s">
        <v>274</v>
      </c>
      <c r="B577" s="150">
        <v>2389657</v>
      </c>
      <c r="C577" s="68" t="s">
        <v>289</v>
      </c>
      <c r="D577" s="68" t="s">
        <v>297</v>
      </c>
      <c r="E577" s="69" t="s">
        <v>701</v>
      </c>
      <c r="F577" s="70" t="s">
        <v>16</v>
      </c>
    </row>
    <row r="578" spans="1:6" ht="14.65" customHeight="1">
      <c r="A578" s="67" t="s">
        <v>274</v>
      </c>
      <c r="B578" s="150">
        <v>2392224</v>
      </c>
      <c r="C578" s="68" t="s">
        <v>289</v>
      </c>
      <c r="D578" s="68" t="s">
        <v>298</v>
      </c>
      <c r="E578" s="69" t="s">
        <v>709</v>
      </c>
      <c r="F578" s="70" t="s">
        <v>16</v>
      </c>
    </row>
    <row r="579" spans="1:6" ht="14.65" customHeight="1">
      <c r="A579" s="67" t="s">
        <v>274</v>
      </c>
      <c r="B579" s="150">
        <v>2423642</v>
      </c>
      <c r="C579" s="68" t="s">
        <v>289</v>
      </c>
      <c r="D579" s="68" t="s">
        <v>299</v>
      </c>
      <c r="E579" s="69" t="s">
        <v>686</v>
      </c>
      <c r="F579" s="70" t="s">
        <v>16</v>
      </c>
    </row>
    <row r="580" spans="1:6" ht="14.65" customHeight="1">
      <c r="A580" s="67" t="s">
        <v>274</v>
      </c>
      <c r="B580" s="150">
        <v>2427648</v>
      </c>
      <c r="C580" s="68" t="s">
        <v>289</v>
      </c>
      <c r="D580" s="68" t="s">
        <v>300</v>
      </c>
      <c r="E580" s="69" t="s">
        <v>713</v>
      </c>
      <c r="F580" s="70" t="s">
        <v>16</v>
      </c>
    </row>
    <row r="581" spans="1:6" ht="14.65" customHeight="1">
      <c r="A581" s="40"/>
      <c r="B581" s="145"/>
      <c r="C581" s="41"/>
      <c r="D581" s="41"/>
      <c r="E581" s="42"/>
      <c r="F581" s="43"/>
    </row>
    <row r="582" spans="1:6" ht="14.65" customHeight="1">
      <c r="A582" s="40" t="s">
        <v>274</v>
      </c>
      <c r="B582" s="145">
        <v>2297841</v>
      </c>
      <c r="C582" s="41" t="s">
        <v>301</v>
      </c>
      <c r="D582" s="41" t="s">
        <v>302</v>
      </c>
      <c r="E582" s="42" t="s">
        <v>700</v>
      </c>
      <c r="F582" s="43" t="s">
        <v>16</v>
      </c>
    </row>
    <row r="583" spans="1:6" ht="14.65" customHeight="1">
      <c r="A583" s="40" t="s">
        <v>274</v>
      </c>
      <c r="B583" s="145">
        <v>2362449</v>
      </c>
      <c r="C583" s="41" t="s">
        <v>301</v>
      </c>
      <c r="D583" s="41" t="s">
        <v>291</v>
      </c>
      <c r="E583" s="42" t="s">
        <v>712</v>
      </c>
      <c r="F583" s="43" t="s">
        <v>16</v>
      </c>
    </row>
    <row r="584" spans="1:6" ht="14.65" customHeight="1">
      <c r="A584" s="40" t="s">
        <v>274</v>
      </c>
      <c r="B584" s="145">
        <v>2371243</v>
      </c>
      <c r="C584" s="41" t="s">
        <v>301</v>
      </c>
      <c r="D584" s="41" t="s">
        <v>292</v>
      </c>
      <c r="E584" s="42" t="s">
        <v>683</v>
      </c>
      <c r="F584" s="43" t="s">
        <v>16</v>
      </c>
    </row>
    <row r="585" spans="1:6" ht="14.65" customHeight="1">
      <c r="A585" s="40" t="s">
        <v>274</v>
      </c>
      <c r="B585" s="145">
        <v>2377144</v>
      </c>
      <c r="C585" s="41" t="s">
        <v>301</v>
      </c>
      <c r="D585" s="41" t="s">
        <v>295</v>
      </c>
      <c r="E585" s="42" t="s">
        <v>719</v>
      </c>
      <c r="F585" s="43" t="s">
        <v>16</v>
      </c>
    </row>
    <row r="586" spans="1:6" ht="14.65" customHeight="1">
      <c r="A586" s="40" t="s">
        <v>274</v>
      </c>
      <c r="B586" s="145">
        <v>2388278</v>
      </c>
      <c r="C586" s="41" t="s">
        <v>301</v>
      </c>
      <c r="D586" s="41" t="s">
        <v>293</v>
      </c>
      <c r="E586" s="42" t="s">
        <v>682</v>
      </c>
      <c r="F586" s="43" t="s">
        <v>16</v>
      </c>
    </row>
    <row r="587" spans="1:6" ht="14.65" customHeight="1">
      <c r="A587" s="40" t="s">
        <v>274</v>
      </c>
      <c r="B587" s="145">
        <v>2388979</v>
      </c>
      <c r="C587" s="41" t="s">
        <v>301</v>
      </c>
      <c r="D587" s="41" t="s">
        <v>303</v>
      </c>
      <c r="E587" s="42" t="s">
        <v>717</v>
      </c>
      <c r="F587" s="43" t="s">
        <v>16</v>
      </c>
    </row>
    <row r="588" spans="1:6" ht="14.65" customHeight="1">
      <c r="A588" s="40" t="s">
        <v>274</v>
      </c>
      <c r="B588" s="145">
        <v>2389665</v>
      </c>
      <c r="C588" s="41" t="s">
        <v>301</v>
      </c>
      <c r="D588" s="41" t="s">
        <v>297</v>
      </c>
      <c r="E588" s="42" t="s">
        <v>701</v>
      </c>
      <c r="F588" s="43" t="s">
        <v>16</v>
      </c>
    </row>
    <row r="589" spans="1:6" ht="14.65" customHeight="1">
      <c r="A589" s="40" t="s">
        <v>274</v>
      </c>
      <c r="B589" s="145">
        <v>2392232</v>
      </c>
      <c r="C589" s="41" t="s">
        <v>301</v>
      </c>
      <c r="D589" s="41" t="s">
        <v>298</v>
      </c>
      <c r="E589" s="42" t="s">
        <v>709</v>
      </c>
      <c r="F589" s="43" t="s">
        <v>16</v>
      </c>
    </row>
    <row r="590" spans="1:6" ht="14.65" customHeight="1">
      <c r="A590" s="40" t="s">
        <v>274</v>
      </c>
      <c r="B590" s="145">
        <v>2427656</v>
      </c>
      <c r="C590" s="41" t="s">
        <v>301</v>
      </c>
      <c r="D590" s="41" t="s">
        <v>300</v>
      </c>
      <c r="E590" s="42" t="s">
        <v>713</v>
      </c>
      <c r="F590" s="43" t="s">
        <v>16</v>
      </c>
    </row>
    <row r="591" spans="1:6" ht="14.65" customHeight="1">
      <c r="A591" s="67" t="s">
        <v>274</v>
      </c>
      <c r="B591" s="150">
        <v>2423650</v>
      </c>
      <c r="C591" s="68" t="s">
        <v>301</v>
      </c>
      <c r="D591" s="68" t="s">
        <v>299</v>
      </c>
      <c r="E591" s="69" t="s">
        <v>686</v>
      </c>
      <c r="F591" s="70" t="s">
        <v>16</v>
      </c>
    </row>
    <row r="592" spans="1:6" ht="14.65" customHeight="1">
      <c r="A592" s="40"/>
      <c r="B592" s="145"/>
      <c r="C592" s="41"/>
      <c r="D592" s="41"/>
      <c r="E592" s="42"/>
      <c r="F592" s="43"/>
    </row>
    <row r="593" spans="1:6" ht="14.65" customHeight="1">
      <c r="A593" s="40" t="s">
        <v>274</v>
      </c>
      <c r="B593" s="145">
        <v>2241007</v>
      </c>
      <c r="C593" s="41" t="s">
        <v>304</v>
      </c>
      <c r="D593" s="41" t="s">
        <v>305</v>
      </c>
      <c r="E593" s="42" t="s">
        <v>700</v>
      </c>
      <c r="F593" s="43" t="s">
        <v>16</v>
      </c>
    </row>
    <row r="594" spans="1:6" ht="14.65" customHeight="1">
      <c r="A594" s="40" t="s">
        <v>274</v>
      </c>
      <c r="B594" s="145">
        <v>2313383</v>
      </c>
      <c r="C594" s="41" t="s">
        <v>304</v>
      </c>
      <c r="D594" s="41" t="s">
        <v>306</v>
      </c>
      <c r="E594" s="42" t="s">
        <v>712</v>
      </c>
      <c r="F594" s="43" t="s">
        <v>16</v>
      </c>
    </row>
    <row r="595" spans="1:6" ht="14.65" customHeight="1">
      <c r="A595" s="40" t="s">
        <v>274</v>
      </c>
      <c r="B595" s="145">
        <v>2371251</v>
      </c>
      <c r="C595" s="41" t="s">
        <v>304</v>
      </c>
      <c r="D595" s="41" t="s">
        <v>292</v>
      </c>
      <c r="E595" s="42" t="s">
        <v>683</v>
      </c>
      <c r="F595" s="43" t="s">
        <v>16</v>
      </c>
    </row>
    <row r="596" spans="1:6" ht="14.65" customHeight="1">
      <c r="A596" s="40" t="s">
        <v>274</v>
      </c>
      <c r="B596" s="145">
        <v>2388286</v>
      </c>
      <c r="C596" s="41" t="s">
        <v>304</v>
      </c>
      <c r="D596" s="41" t="s">
        <v>293</v>
      </c>
      <c r="E596" s="42" t="s">
        <v>682</v>
      </c>
      <c r="F596" s="43" t="s">
        <v>16</v>
      </c>
    </row>
    <row r="597" spans="1:6" ht="14.65" customHeight="1">
      <c r="A597" s="40" t="s">
        <v>274</v>
      </c>
      <c r="B597" s="145">
        <v>2408252</v>
      </c>
      <c r="C597" s="41" t="s">
        <v>304</v>
      </c>
      <c r="D597" s="41" t="s">
        <v>294</v>
      </c>
      <c r="E597" s="42" t="s">
        <v>695</v>
      </c>
      <c r="F597" s="43" t="s">
        <v>16</v>
      </c>
    </row>
    <row r="598" spans="1:6" ht="14.65" customHeight="1">
      <c r="A598" s="67" t="s">
        <v>274</v>
      </c>
      <c r="B598" s="150">
        <v>2377152</v>
      </c>
      <c r="C598" s="68" t="s">
        <v>304</v>
      </c>
      <c r="D598" s="68" t="s">
        <v>295</v>
      </c>
      <c r="E598" s="69" t="s">
        <v>719</v>
      </c>
      <c r="F598" s="70" t="s">
        <v>16</v>
      </c>
    </row>
    <row r="599" spans="1:6" ht="14.65" customHeight="1">
      <c r="A599" s="67" t="s">
        <v>274</v>
      </c>
      <c r="B599" s="150">
        <v>2388987</v>
      </c>
      <c r="C599" s="68" t="s">
        <v>304</v>
      </c>
      <c r="D599" s="68" t="s">
        <v>296</v>
      </c>
      <c r="E599" s="69" t="s">
        <v>717</v>
      </c>
      <c r="F599" s="70" t="s">
        <v>16</v>
      </c>
    </row>
    <row r="600" spans="1:6" ht="14.65" customHeight="1">
      <c r="A600" s="67" t="s">
        <v>274</v>
      </c>
      <c r="B600" s="150">
        <v>2389673</v>
      </c>
      <c r="C600" s="68" t="s">
        <v>304</v>
      </c>
      <c r="D600" s="68" t="s">
        <v>307</v>
      </c>
      <c r="E600" s="69" t="s">
        <v>701</v>
      </c>
      <c r="F600" s="70" t="s">
        <v>16</v>
      </c>
    </row>
    <row r="601" spans="1:6" ht="14.65" customHeight="1">
      <c r="A601" s="67" t="s">
        <v>274</v>
      </c>
      <c r="B601" s="150">
        <v>2392240</v>
      </c>
      <c r="C601" s="68" t="s">
        <v>304</v>
      </c>
      <c r="D601" s="68" t="s">
        <v>298</v>
      </c>
      <c r="E601" s="69" t="s">
        <v>709</v>
      </c>
      <c r="F601" s="70" t="s">
        <v>16</v>
      </c>
    </row>
    <row r="602" spans="1:6" ht="14.65" customHeight="1">
      <c r="A602" s="67" t="s">
        <v>274</v>
      </c>
      <c r="B602" s="150">
        <v>2423669</v>
      </c>
      <c r="C602" s="68" t="s">
        <v>304</v>
      </c>
      <c r="D602" s="68" t="s">
        <v>299</v>
      </c>
      <c r="E602" s="69" t="s">
        <v>686</v>
      </c>
      <c r="F602" s="70" t="s">
        <v>16</v>
      </c>
    </row>
    <row r="603" spans="1:6" ht="14.65" customHeight="1">
      <c r="A603" s="67" t="s">
        <v>274</v>
      </c>
      <c r="B603" s="150">
        <v>2427664</v>
      </c>
      <c r="C603" s="68" t="s">
        <v>304</v>
      </c>
      <c r="D603" s="68" t="s">
        <v>300</v>
      </c>
      <c r="E603" s="69" t="s">
        <v>713</v>
      </c>
      <c r="F603" s="70" t="s">
        <v>16</v>
      </c>
    </row>
    <row r="604" spans="1:6" ht="14.65" customHeight="1">
      <c r="A604" s="40"/>
      <c r="B604" s="145"/>
      <c r="C604" s="41"/>
      <c r="D604" s="41"/>
      <c r="E604" s="42"/>
      <c r="F604" s="43"/>
    </row>
    <row r="605" spans="1:6" ht="14.65" customHeight="1">
      <c r="A605" s="40" t="s">
        <v>274</v>
      </c>
      <c r="B605" s="145">
        <v>2239091</v>
      </c>
      <c r="C605" s="41" t="s">
        <v>308</v>
      </c>
      <c r="D605" s="41" t="s">
        <v>309</v>
      </c>
      <c r="E605" s="42" t="s">
        <v>685</v>
      </c>
      <c r="F605" s="43" t="s">
        <v>16</v>
      </c>
    </row>
    <row r="606" spans="1:6" ht="14.65" customHeight="1">
      <c r="A606" s="40" t="s">
        <v>274</v>
      </c>
      <c r="B606" s="145">
        <v>2388707</v>
      </c>
      <c r="C606" s="41" t="s">
        <v>308</v>
      </c>
      <c r="D606" s="41" t="s">
        <v>310</v>
      </c>
      <c r="E606" s="44" t="s">
        <v>717</v>
      </c>
      <c r="F606" s="43" t="s">
        <v>16</v>
      </c>
    </row>
    <row r="607" spans="1:6" ht="14.65" customHeight="1">
      <c r="A607" s="40" t="s">
        <v>274</v>
      </c>
      <c r="B607" s="145">
        <v>2476916</v>
      </c>
      <c r="C607" s="41" t="s">
        <v>308</v>
      </c>
      <c r="D607" s="41" t="s">
        <v>311</v>
      </c>
      <c r="E607" s="44" t="s">
        <v>701</v>
      </c>
      <c r="F607" s="43" t="s">
        <v>16</v>
      </c>
    </row>
    <row r="608" spans="1:6" ht="14.65" customHeight="1">
      <c r="A608" s="40" t="s">
        <v>274</v>
      </c>
      <c r="B608" s="145">
        <v>2380692</v>
      </c>
      <c r="C608" s="41" t="s">
        <v>308</v>
      </c>
      <c r="D608" s="41" t="s">
        <v>312</v>
      </c>
      <c r="E608" s="44" t="s">
        <v>711</v>
      </c>
      <c r="F608" s="43" t="s">
        <v>16</v>
      </c>
    </row>
    <row r="609" spans="1:8" ht="14.65" customHeight="1">
      <c r="A609" s="40" t="s">
        <v>274</v>
      </c>
      <c r="B609" s="145">
        <v>2365359</v>
      </c>
      <c r="C609" s="41" t="s">
        <v>308</v>
      </c>
      <c r="D609" s="41" t="s">
        <v>313</v>
      </c>
      <c r="E609" s="44" t="s">
        <v>683</v>
      </c>
      <c r="F609" s="43" t="s">
        <v>16</v>
      </c>
    </row>
    <row r="610" spans="1:8" ht="14.65" customHeight="1">
      <c r="A610" s="40" t="s">
        <v>274</v>
      </c>
      <c r="B610" s="145">
        <v>2326965</v>
      </c>
      <c r="C610" s="41" t="s">
        <v>308</v>
      </c>
      <c r="D610" s="41" t="s">
        <v>314</v>
      </c>
      <c r="E610" s="44" t="s">
        <v>712</v>
      </c>
      <c r="F610" s="43" t="s">
        <v>16</v>
      </c>
    </row>
    <row r="611" spans="1:8" ht="14.65" customHeight="1">
      <c r="A611" s="40" t="s">
        <v>274</v>
      </c>
      <c r="B611" s="145">
        <v>2386518</v>
      </c>
      <c r="C611" s="41" t="s">
        <v>308</v>
      </c>
      <c r="D611" s="41" t="s">
        <v>315</v>
      </c>
      <c r="E611" s="44" t="s">
        <v>695</v>
      </c>
      <c r="F611" s="43" t="s">
        <v>16</v>
      </c>
    </row>
    <row r="612" spans="1:8" ht="14.65" customHeight="1">
      <c r="A612" s="40" t="s">
        <v>274</v>
      </c>
      <c r="B612" s="145">
        <v>2445794</v>
      </c>
      <c r="C612" s="41" t="s">
        <v>308</v>
      </c>
      <c r="D612" s="41" t="s">
        <v>316</v>
      </c>
      <c r="E612" s="44" t="s">
        <v>686</v>
      </c>
      <c r="F612" s="43" t="s">
        <v>16</v>
      </c>
    </row>
    <row r="613" spans="1:8" ht="14.65" customHeight="1">
      <c r="A613" s="40" t="s">
        <v>274</v>
      </c>
      <c r="B613" s="145">
        <v>2388928</v>
      </c>
      <c r="C613" s="41" t="s">
        <v>308</v>
      </c>
      <c r="D613" s="46" t="s">
        <v>317</v>
      </c>
      <c r="E613" s="44" t="s">
        <v>713</v>
      </c>
      <c r="F613" s="43" t="s">
        <v>16</v>
      </c>
    </row>
    <row r="614" spans="1:8" ht="14.65" customHeight="1">
      <c r="A614" s="40" t="s">
        <v>274</v>
      </c>
      <c r="B614" s="145">
        <v>2379279</v>
      </c>
      <c r="C614" s="41" t="s">
        <v>308</v>
      </c>
      <c r="D614" s="46" t="s">
        <v>318</v>
      </c>
      <c r="E614" s="44" t="s">
        <v>681</v>
      </c>
      <c r="F614" s="43" t="s">
        <v>16</v>
      </c>
    </row>
    <row r="615" spans="1:8" ht="14.65" customHeight="1">
      <c r="A615" s="40" t="s">
        <v>274</v>
      </c>
      <c r="B615" s="145">
        <v>2391198</v>
      </c>
      <c r="C615" s="41" t="s">
        <v>308</v>
      </c>
      <c r="D615" s="46" t="s">
        <v>319</v>
      </c>
      <c r="E615" s="44" t="s">
        <v>709</v>
      </c>
      <c r="F615" s="43" t="s">
        <v>16</v>
      </c>
    </row>
    <row r="616" spans="1:8" customFormat="1" ht="14.65" customHeight="1">
      <c r="A616" s="40" t="s">
        <v>274</v>
      </c>
      <c r="B616" s="145">
        <v>2366312</v>
      </c>
      <c r="C616" s="41" t="s">
        <v>308</v>
      </c>
      <c r="D616" s="46" t="s">
        <v>320</v>
      </c>
      <c r="E616" s="44" t="s">
        <v>719</v>
      </c>
      <c r="F616" s="43" t="s">
        <v>16</v>
      </c>
      <c r="G616" s="11"/>
      <c r="H616" s="11"/>
    </row>
    <row r="617" spans="1:8" ht="14.65" customHeight="1">
      <c r="A617" s="92" t="s">
        <v>274</v>
      </c>
      <c r="B617" s="135">
        <v>2527014</v>
      </c>
      <c r="C617" s="93" t="s">
        <v>308</v>
      </c>
      <c r="D617" s="98" t="s">
        <v>669</v>
      </c>
      <c r="E617" s="100" t="s">
        <v>703</v>
      </c>
      <c r="F617" s="95" t="s">
        <v>16</v>
      </c>
    </row>
    <row r="618" spans="1:8" ht="14.65" customHeight="1">
      <c r="A618" s="50" t="s">
        <v>274</v>
      </c>
      <c r="B618" s="148">
        <v>2541297</v>
      </c>
      <c r="C618" s="77" t="s">
        <v>308</v>
      </c>
      <c r="D618" s="46" t="s">
        <v>313</v>
      </c>
      <c r="E618" s="51" t="s">
        <v>683</v>
      </c>
      <c r="F618" s="43" t="s">
        <v>16</v>
      </c>
      <c r="G618" s="169"/>
    </row>
    <row r="619" spans="1:8" ht="14.65" customHeight="1">
      <c r="A619" s="40"/>
      <c r="B619" s="145"/>
      <c r="C619" s="41"/>
      <c r="D619" s="41"/>
      <c r="E619" s="44"/>
      <c r="F619" s="43"/>
    </row>
    <row r="620" spans="1:8" ht="14.65" customHeight="1">
      <c r="A620" s="40" t="s">
        <v>274</v>
      </c>
      <c r="B620" s="145">
        <v>2239092</v>
      </c>
      <c r="C620" s="41" t="s">
        <v>321</v>
      </c>
      <c r="D620" s="41" t="s">
        <v>322</v>
      </c>
      <c r="E620" s="42" t="s">
        <v>685</v>
      </c>
      <c r="F620" s="43" t="s">
        <v>16</v>
      </c>
    </row>
    <row r="621" spans="1:8" ht="14.65" customHeight="1">
      <c r="A621" s="40" t="s">
        <v>274</v>
      </c>
      <c r="B621" s="145">
        <v>2388715</v>
      </c>
      <c r="C621" s="41" t="s">
        <v>321</v>
      </c>
      <c r="D621" s="41" t="s">
        <v>310</v>
      </c>
      <c r="E621" s="44" t="s">
        <v>717</v>
      </c>
      <c r="F621" s="43" t="s">
        <v>16</v>
      </c>
    </row>
    <row r="622" spans="1:8" ht="14.65" customHeight="1">
      <c r="A622" s="40" t="s">
        <v>274</v>
      </c>
      <c r="B622" s="145">
        <v>2476924</v>
      </c>
      <c r="C622" s="41" t="s">
        <v>321</v>
      </c>
      <c r="D622" s="41" t="s">
        <v>311</v>
      </c>
      <c r="E622" s="44" t="s">
        <v>701</v>
      </c>
      <c r="F622" s="43" t="s">
        <v>16</v>
      </c>
    </row>
    <row r="623" spans="1:8" ht="14.65" customHeight="1">
      <c r="A623" s="40" t="s">
        <v>274</v>
      </c>
      <c r="B623" s="145">
        <v>2380706</v>
      </c>
      <c r="C623" s="41" t="s">
        <v>321</v>
      </c>
      <c r="D623" s="41" t="s">
        <v>312</v>
      </c>
      <c r="E623" s="44" t="s">
        <v>711</v>
      </c>
      <c r="F623" s="43" t="s">
        <v>16</v>
      </c>
    </row>
    <row r="624" spans="1:8" ht="14.65" customHeight="1">
      <c r="A624" s="40" t="s">
        <v>274</v>
      </c>
      <c r="B624" s="145">
        <v>2365367</v>
      </c>
      <c r="C624" s="41" t="s">
        <v>321</v>
      </c>
      <c r="D624" s="41" t="s">
        <v>313</v>
      </c>
      <c r="E624" s="44" t="s">
        <v>683</v>
      </c>
      <c r="F624" s="43" t="s">
        <v>16</v>
      </c>
    </row>
    <row r="625" spans="1:8" ht="14.65" customHeight="1">
      <c r="A625" s="40" t="s">
        <v>274</v>
      </c>
      <c r="B625" s="145">
        <v>2326973</v>
      </c>
      <c r="C625" s="41" t="s">
        <v>321</v>
      </c>
      <c r="D625" s="41" t="s">
        <v>314</v>
      </c>
      <c r="E625" s="44" t="s">
        <v>712</v>
      </c>
      <c r="F625" s="43" t="s">
        <v>16</v>
      </c>
    </row>
    <row r="626" spans="1:8" ht="14.65" customHeight="1">
      <c r="A626" s="40" t="s">
        <v>274</v>
      </c>
      <c r="B626" s="145">
        <v>2386526</v>
      </c>
      <c r="C626" s="41" t="s">
        <v>321</v>
      </c>
      <c r="D626" s="41" t="s">
        <v>315</v>
      </c>
      <c r="E626" s="44" t="s">
        <v>695</v>
      </c>
      <c r="F626" s="43" t="s">
        <v>16</v>
      </c>
    </row>
    <row r="627" spans="1:8" ht="14.65" customHeight="1">
      <c r="A627" s="40" t="s">
        <v>274</v>
      </c>
      <c r="B627" s="145">
        <v>2388936</v>
      </c>
      <c r="C627" s="41" t="s">
        <v>321</v>
      </c>
      <c r="D627" s="41" t="s">
        <v>317</v>
      </c>
      <c r="E627" s="44" t="s">
        <v>713</v>
      </c>
      <c r="F627" s="43" t="s">
        <v>16</v>
      </c>
    </row>
    <row r="628" spans="1:8" ht="14.65" customHeight="1">
      <c r="A628" s="40" t="s">
        <v>274</v>
      </c>
      <c r="B628" s="145">
        <v>2379287</v>
      </c>
      <c r="C628" s="41" t="s">
        <v>321</v>
      </c>
      <c r="D628" s="41" t="s">
        <v>318</v>
      </c>
      <c r="E628" s="44" t="s">
        <v>681</v>
      </c>
      <c r="F628" s="43" t="s">
        <v>16</v>
      </c>
    </row>
    <row r="629" spans="1:8" ht="14.65" customHeight="1">
      <c r="A629" s="40" t="s">
        <v>274</v>
      </c>
      <c r="B629" s="145">
        <v>2391201</v>
      </c>
      <c r="C629" s="41" t="s">
        <v>321</v>
      </c>
      <c r="D629" s="41" t="s">
        <v>319</v>
      </c>
      <c r="E629" s="44" t="s">
        <v>709</v>
      </c>
      <c r="F629" s="43" t="s">
        <v>16</v>
      </c>
    </row>
    <row r="630" spans="1:8" ht="14.65" customHeight="1">
      <c r="A630" s="40" t="s">
        <v>274</v>
      </c>
      <c r="B630" s="145">
        <v>2366320</v>
      </c>
      <c r="C630" s="41" t="s">
        <v>321</v>
      </c>
      <c r="D630" s="41" t="s">
        <v>320</v>
      </c>
      <c r="E630" s="44" t="s">
        <v>719</v>
      </c>
      <c r="F630" s="43" t="s">
        <v>16</v>
      </c>
    </row>
    <row r="631" spans="1:8" customFormat="1" ht="14.65" customHeight="1">
      <c r="A631" s="40" t="s">
        <v>274</v>
      </c>
      <c r="B631" s="146">
        <v>2445808</v>
      </c>
      <c r="C631" s="43" t="s">
        <v>321</v>
      </c>
      <c r="D631" s="64" t="s">
        <v>316</v>
      </c>
      <c r="E631" s="60" t="s">
        <v>686</v>
      </c>
      <c r="F631" s="43" t="s">
        <v>16</v>
      </c>
      <c r="G631" s="11"/>
      <c r="H631" s="11"/>
    </row>
    <row r="632" spans="1:8" ht="14.65" customHeight="1">
      <c r="A632" s="92" t="s">
        <v>274</v>
      </c>
      <c r="B632" s="136">
        <v>2527022</v>
      </c>
      <c r="C632" s="95" t="s">
        <v>321</v>
      </c>
      <c r="D632" s="115" t="s">
        <v>669</v>
      </c>
      <c r="E632" s="99" t="s">
        <v>703</v>
      </c>
      <c r="F632" s="95" t="s">
        <v>16</v>
      </c>
    </row>
    <row r="633" spans="1:8" ht="14.65" customHeight="1">
      <c r="A633" s="50" t="s">
        <v>274</v>
      </c>
      <c r="B633" s="146">
        <v>2541300</v>
      </c>
      <c r="C633" s="43" t="s">
        <v>321</v>
      </c>
      <c r="D633" s="64" t="s">
        <v>313</v>
      </c>
      <c r="E633" s="60" t="s">
        <v>683</v>
      </c>
      <c r="F633" s="43" t="s">
        <v>16</v>
      </c>
      <c r="G633" s="169"/>
    </row>
    <row r="634" spans="1:8" ht="14.65" customHeight="1">
      <c r="A634" s="40"/>
      <c r="B634" s="145"/>
      <c r="C634" s="41"/>
      <c r="D634" s="41"/>
      <c r="E634" s="44"/>
      <c r="F634" s="43"/>
    </row>
    <row r="635" spans="1:8" ht="14.65" customHeight="1">
      <c r="A635" s="40" t="s">
        <v>274</v>
      </c>
      <c r="B635" s="145">
        <v>2311658</v>
      </c>
      <c r="C635" s="41" t="s">
        <v>323</v>
      </c>
      <c r="D635" s="41" t="s">
        <v>324</v>
      </c>
      <c r="E635" s="42" t="s">
        <v>685</v>
      </c>
      <c r="F635" s="43" t="s">
        <v>16</v>
      </c>
    </row>
    <row r="636" spans="1:8" ht="14.65" customHeight="1">
      <c r="A636" s="40" t="s">
        <v>274</v>
      </c>
      <c r="B636" s="145">
        <v>2380714</v>
      </c>
      <c r="C636" s="41" t="s">
        <v>323</v>
      </c>
      <c r="D636" s="41" t="s">
        <v>312</v>
      </c>
      <c r="E636" s="44" t="s">
        <v>711</v>
      </c>
      <c r="F636" s="43" t="s">
        <v>16</v>
      </c>
    </row>
    <row r="637" spans="1:8" ht="14.65" customHeight="1">
      <c r="A637" s="40" t="s">
        <v>274</v>
      </c>
      <c r="B637" s="145">
        <v>2399105</v>
      </c>
      <c r="C637" s="41" t="s">
        <v>323</v>
      </c>
      <c r="D637" s="41" t="s">
        <v>313</v>
      </c>
      <c r="E637" s="44" t="s">
        <v>683</v>
      </c>
      <c r="F637" s="43" t="s">
        <v>16</v>
      </c>
    </row>
    <row r="638" spans="1:8" ht="14.65" customHeight="1">
      <c r="A638" s="40" t="s">
        <v>274</v>
      </c>
      <c r="B638" s="145">
        <v>2417340</v>
      </c>
      <c r="C638" s="41" t="s">
        <v>323</v>
      </c>
      <c r="D638" s="41" t="s">
        <v>314</v>
      </c>
      <c r="E638" s="44" t="s">
        <v>712</v>
      </c>
      <c r="F638" s="43" t="s">
        <v>16</v>
      </c>
    </row>
    <row r="639" spans="1:8" ht="14.65" customHeight="1">
      <c r="A639" s="40" t="s">
        <v>274</v>
      </c>
      <c r="B639" s="145">
        <v>2386534</v>
      </c>
      <c r="C639" s="41" t="s">
        <v>323</v>
      </c>
      <c r="D639" s="41" t="s">
        <v>315</v>
      </c>
      <c r="E639" s="44" t="s">
        <v>695</v>
      </c>
      <c r="F639" s="43" t="s">
        <v>16</v>
      </c>
    </row>
    <row r="640" spans="1:8" ht="14.65" customHeight="1">
      <c r="A640" s="40" t="s">
        <v>274</v>
      </c>
      <c r="B640" s="145">
        <v>2435845</v>
      </c>
      <c r="C640" s="41" t="s">
        <v>323</v>
      </c>
      <c r="D640" s="41" t="s">
        <v>317</v>
      </c>
      <c r="E640" s="44" t="s">
        <v>713</v>
      </c>
      <c r="F640" s="43" t="s">
        <v>16</v>
      </c>
    </row>
    <row r="641" spans="1:8" ht="14.65" customHeight="1">
      <c r="A641" s="40" t="s">
        <v>274</v>
      </c>
      <c r="B641" s="145">
        <v>2379295</v>
      </c>
      <c r="C641" s="41" t="s">
        <v>323</v>
      </c>
      <c r="D641" s="41" t="s">
        <v>318</v>
      </c>
      <c r="E641" s="44" t="s">
        <v>681</v>
      </c>
      <c r="F641" s="43" t="s">
        <v>16</v>
      </c>
    </row>
    <row r="642" spans="1:8" ht="14.65" customHeight="1">
      <c r="A642" s="40" t="s">
        <v>274</v>
      </c>
      <c r="B642" s="145">
        <v>2391228</v>
      </c>
      <c r="C642" s="41" t="s">
        <v>323</v>
      </c>
      <c r="D642" s="41" t="s">
        <v>319</v>
      </c>
      <c r="E642" s="44" t="s">
        <v>709</v>
      </c>
      <c r="F642" s="43" t="s">
        <v>16</v>
      </c>
    </row>
    <row r="643" spans="1:8" ht="14.65" customHeight="1">
      <c r="A643" s="40" t="s">
        <v>274</v>
      </c>
      <c r="B643" s="145">
        <v>2366339</v>
      </c>
      <c r="C643" s="41" t="s">
        <v>323</v>
      </c>
      <c r="D643" s="41" t="s">
        <v>320</v>
      </c>
      <c r="E643" s="44" t="s">
        <v>719</v>
      </c>
      <c r="F643" s="43" t="s">
        <v>16</v>
      </c>
    </row>
    <row r="644" spans="1:8" customFormat="1" ht="14.65" customHeight="1">
      <c r="A644" s="40" t="s">
        <v>274</v>
      </c>
      <c r="B644" s="146">
        <v>2445816</v>
      </c>
      <c r="C644" s="43" t="s">
        <v>323</v>
      </c>
      <c r="D644" s="64" t="s">
        <v>316</v>
      </c>
      <c r="E644" s="60" t="s">
        <v>686</v>
      </c>
      <c r="F644" s="43" t="s">
        <v>16</v>
      </c>
      <c r="G644" s="11"/>
      <c r="H644" s="11"/>
    </row>
    <row r="645" spans="1:8" ht="14.65" customHeight="1">
      <c r="A645" s="92" t="s">
        <v>274</v>
      </c>
      <c r="B645" s="136">
        <v>2527030</v>
      </c>
      <c r="C645" s="95" t="s">
        <v>323</v>
      </c>
      <c r="D645" s="115" t="s">
        <v>669</v>
      </c>
      <c r="E645" s="99" t="s">
        <v>703</v>
      </c>
      <c r="F645" s="95" t="s">
        <v>16</v>
      </c>
    </row>
    <row r="646" spans="1:8" ht="14.65" customHeight="1">
      <c r="A646" s="50" t="s">
        <v>274</v>
      </c>
      <c r="B646" s="146">
        <v>2528266</v>
      </c>
      <c r="C646" s="46" t="s">
        <v>323</v>
      </c>
      <c r="D646" s="46" t="s">
        <v>317</v>
      </c>
      <c r="E646" s="45" t="s">
        <v>717</v>
      </c>
      <c r="F646" s="43" t="s">
        <v>16</v>
      </c>
    </row>
    <row r="647" spans="1:8" ht="14.65" customHeight="1">
      <c r="A647" s="50" t="s">
        <v>274</v>
      </c>
      <c r="B647" s="146">
        <v>2476932</v>
      </c>
      <c r="C647" s="46" t="s">
        <v>323</v>
      </c>
      <c r="D647" s="46" t="s">
        <v>311</v>
      </c>
      <c r="E647" s="45" t="s">
        <v>701</v>
      </c>
      <c r="F647" s="43" t="s">
        <v>16</v>
      </c>
    </row>
    <row r="648" spans="1:8" ht="14.65" customHeight="1">
      <c r="A648" s="50" t="s">
        <v>274</v>
      </c>
      <c r="B648" s="146">
        <v>2541319</v>
      </c>
      <c r="C648" s="46" t="s">
        <v>323</v>
      </c>
      <c r="D648" s="46" t="s">
        <v>313</v>
      </c>
      <c r="E648" s="45" t="s">
        <v>683</v>
      </c>
      <c r="F648" s="43" t="s">
        <v>16</v>
      </c>
      <c r="G648" s="169"/>
    </row>
    <row r="649" spans="1:8" ht="14.65" customHeight="1">
      <c r="A649" s="40"/>
      <c r="B649" s="145"/>
      <c r="C649" s="41"/>
      <c r="D649" s="41"/>
      <c r="E649" s="42"/>
      <c r="F649" s="43"/>
    </row>
    <row r="650" spans="1:8" ht="14.65" customHeight="1">
      <c r="A650" s="40" t="s">
        <v>274</v>
      </c>
      <c r="B650" s="145">
        <v>2244021</v>
      </c>
      <c r="C650" s="41" t="s">
        <v>325</v>
      </c>
      <c r="D650" s="41" t="s">
        <v>326</v>
      </c>
      <c r="E650" s="42" t="s">
        <v>685</v>
      </c>
      <c r="F650" s="43" t="s">
        <v>16</v>
      </c>
    </row>
    <row r="651" spans="1:8" ht="14.65" customHeight="1">
      <c r="A651" s="40" t="s">
        <v>274</v>
      </c>
      <c r="B651" s="145">
        <v>2394812</v>
      </c>
      <c r="C651" s="41" t="s">
        <v>325</v>
      </c>
      <c r="D651" s="41" t="s">
        <v>328</v>
      </c>
      <c r="E651" s="44" t="s">
        <v>717</v>
      </c>
      <c r="F651" s="43" t="s">
        <v>16</v>
      </c>
    </row>
    <row r="652" spans="1:8" ht="14.65" customHeight="1">
      <c r="A652" s="40" t="s">
        <v>274</v>
      </c>
      <c r="B652" s="145">
        <v>2327902</v>
      </c>
      <c r="C652" s="41" t="s">
        <v>325</v>
      </c>
      <c r="D652" s="41" t="s">
        <v>329</v>
      </c>
      <c r="E652" s="44" t="s">
        <v>712</v>
      </c>
      <c r="F652" s="43" t="s">
        <v>16</v>
      </c>
    </row>
    <row r="653" spans="1:8" ht="14.65" customHeight="1">
      <c r="A653" s="40" t="s">
        <v>274</v>
      </c>
      <c r="B653" s="145">
        <v>2421038</v>
      </c>
      <c r="C653" s="41" t="s">
        <v>325</v>
      </c>
      <c r="D653" s="41" t="s">
        <v>330</v>
      </c>
      <c r="E653" s="44" t="s">
        <v>686</v>
      </c>
      <c r="F653" s="43" t="s">
        <v>16</v>
      </c>
    </row>
    <row r="654" spans="1:8" ht="14.65" customHeight="1">
      <c r="A654" s="40" t="s">
        <v>274</v>
      </c>
      <c r="B654" s="145">
        <v>2394804</v>
      </c>
      <c r="C654" s="41" t="s">
        <v>325</v>
      </c>
      <c r="D654" s="41" t="s">
        <v>331</v>
      </c>
      <c r="E654" s="44" t="s">
        <v>713</v>
      </c>
      <c r="F654" s="43" t="s">
        <v>16</v>
      </c>
    </row>
    <row r="655" spans="1:8" ht="14.65" customHeight="1">
      <c r="A655" s="40" t="s">
        <v>274</v>
      </c>
      <c r="B655" s="145">
        <v>2391295</v>
      </c>
      <c r="C655" s="41" t="s">
        <v>325</v>
      </c>
      <c r="D655" s="41" t="s">
        <v>332</v>
      </c>
      <c r="E655" s="44" t="s">
        <v>709</v>
      </c>
      <c r="F655" s="43" t="s">
        <v>16</v>
      </c>
    </row>
    <row r="656" spans="1:8" ht="14.65" customHeight="1">
      <c r="A656" s="40" t="s">
        <v>274</v>
      </c>
      <c r="B656" s="145">
        <v>2395541</v>
      </c>
      <c r="C656" s="41" t="s">
        <v>325</v>
      </c>
      <c r="D656" s="41" t="s">
        <v>333</v>
      </c>
      <c r="E656" s="44" t="s">
        <v>719</v>
      </c>
      <c r="F656" s="43" t="s">
        <v>16</v>
      </c>
    </row>
    <row r="657" spans="1:6" ht="14.65" customHeight="1">
      <c r="A657" s="50" t="s">
        <v>274</v>
      </c>
      <c r="B657" s="151">
        <v>2473240</v>
      </c>
      <c r="C657" s="64" t="s">
        <v>334</v>
      </c>
      <c r="D657" s="64" t="s">
        <v>335</v>
      </c>
      <c r="E657" s="71" t="s">
        <v>695</v>
      </c>
      <c r="F657" s="43" t="s">
        <v>16</v>
      </c>
    </row>
    <row r="658" spans="1:6" ht="14.65" customHeight="1">
      <c r="A658" s="50" t="s">
        <v>274</v>
      </c>
      <c r="B658" s="151">
        <v>2531240</v>
      </c>
      <c r="C658" s="64" t="s">
        <v>325</v>
      </c>
      <c r="D658" s="64" t="s">
        <v>672</v>
      </c>
      <c r="E658" s="71" t="s">
        <v>703</v>
      </c>
      <c r="F658" s="43" t="s">
        <v>16</v>
      </c>
    </row>
    <row r="659" spans="1:6" ht="14.65" customHeight="1">
      <c r="A659" s="40"/>
      <c r="B659" s="145"/>
      <c r="C659" s="41"/>
      <c r="D659" s="41"/>
      <c r="E659" s="44"/>
      <c r="F659" s="43"/>
    </row>
    <row r="660" spans="1:6" ht="14.65" customHeight="1">
      <c r="A660" s="40" t="s">
        <v>274</v>
      </c>
      <c r="B660" s="145">
        <v>2332922</v>
      </c>
      <c r="C660" s="41" t="s">
        <v>336</v>
      </c>
      <c r="D660" s="41" t="s">
        <v>326</v>
      </c>
      <c r="E660" s="42" t="s">
        <v>685</v>
      </c>
      <c r="F660" s="43" t="s">
        <v>16</v>
      </c>
    </row>
    <row r="661" spans="1:6" ht="14.65" customHeight="1">
      <c r="A661" s="40" t="s">
        <v>274</v>
      </c>
      <c r="B661" s="145">
        <v>2420732</v>
      </c>
      <c r="C661" s="41" t="s">
        <v>336</v>
      </c>
      <c r="D661" s="41" t="s">
        <v>329</v>
      </c>
      <c r="E661" s="44" t="s">
        <v>712</v>
      </c>
      <c r="F661" s="43" t="s">
        <v>16</v>
      </c>
    </row>
    <row r="662" spans="1:6" ht="14.65" customHeight="1">
      <c r="A662" s="40" t="s">
        <v>274</v>
      </c>
      <c r="B662" s="145">
        <v>2421046</v>
      </c>
      <c r="C662" s="41" t="s">
        <v>336</v>
      </c>
      <c r="D662" s="41" t="s">
        <v>330</v>
      </c>
      <c r="E662" s="44" t="s">
        <v>686</v>
      </c>
      <c r="F662" s="43" t="s">
        <v>16</v>
      </c>
    </row>
    <row r="663" spans="1:6" ht="14.65" customHeight="1">
      <c r="A663" s="40" t="s">
        <v>274</v>
      </c>
      <c r="B663" s="145">
        <v>2395568</v>
      </c>
      <c r="C663" s="41" t="s">
        <v>336</v>
      </c>
      <c r="D663" s="41" t="s">
        <v>333</v>
      </c>
      <c r="E663" s="44" t="s">
        <v>719</v>
      </c>
      <c r="F663" s="43" t="s">
        <v>16</v>
      </c>
    </row>
    <row r="664" spans="1:6" ht="14.65" customHeight="1">
      <c r="A664" s="40" t="s">
        <v>274</v>
      </c>
      <c r="B664" s="145">
        <v>2473259</v>
      </c>
      <c r="C664" s="41" t="s">
        <v>337</v>
      </c>
      <c r="D664" s="41" t="s">
        <v>335</v>
      </c>
      <c r="E664" s="44" t="s">
        <v>695</v>
      </c>
      <c r="F664" s="43" t="s">
        <v>16</v>
      </c>
    </row>
    <row r="665" spans="1:6" ht="14.65" customHeight="1">
      <c r="A665" s="50" t="s">
        <v>274</v>
      </c>
      <c r="B665" s="148">
        <v>2531259</v>
      </c>
      <c r="C665" s="77" t="s">
        <v>336</v>
      </c>
      <c r="D665" s="77" t="s">
        <v>672</v>
      </c>
      <c r="E665" s="51" t="s">
        <v>703</v>
      </c>
      <c r="F665" s="43" t="s">
        <v>16</v>
      </c>
    </row>
    <row r="666" spans="1:6" ht="14.65" customHeight="1">
      <c r="A666" s="50" t="s">
        <v>274</v>
      </c>
      <c r="B666" s="148">
        <v>2536064</v>
      </c>
      <c r="C666" s="77" t="s">
        <v>336</v>
      </c>
      <c r="D666" s="77" t="s">
        <v>331</v>
      </c>
      <c r="E666" s="51" t="s">
        <v>713</v>
      </c>
      <c r="F666" s="43" t="s">
        <v>16</v>
      </c>
    </row>
    <row r="667" spans="1:6" ht="14.65" customHeight="1">
      <c r="A667" s="40"/>
      <c r="B667" s="145"/>
      <c r="C667" s="41"/>
      <c r="D667" s="41"/>
      <c r="E667" s="42"/>
      <c r="F667" s="43"/>
    </row>
    <row r="668" spans="1:6" ht="14.65" customHeight="1">
      <c r="A668" s="40" t="s">
        <v>274</v>
      </c>
      <c r="B668" s="145">
        <v>2332957</v>
      </c>
      <c r="C668" s="41" t="s">
        <v>338</v>
      </c>
      <c r="D668" s="41" t="s">
        <v>326</v>
      </c>
      <c r="E668" s="42" t="s">
        <v>685</v>
      </c>
      <c r="F668" s="43" t="s">
        <v>16</v>
      </c>
    </row>
    <row r="669" spans="1:6" ht="14.65" customHeight="1">
      <c r="A669" s="40" t="s">
        <v>274</v>
      </c>
      <c r="B669" s="145">
        <v>2463857</v>
      </c>
      <c r="C669" s="41" t="s">
        <v>338</v>
      </c>
      <c r="D669" s="41" t="s">
        <v>327</v>
      </c>
      <c r="E669" s="44" t="s">
        <v>680</v>
      </c>
      <c r="F669" s="43" t="s">
        <v>16</v>
      </c>
    </row>
    <row r="670" spans="1:6" ht="14.65" customHeight="1">
      <c r="A670" s="40" t="s">
        <v>274</v>
      </c>
      <c r="B670" s="145">
        <v>2420740</v>
      </c>
      <c r="C670" s="41" t="s">
        <v>338</v>
      </c>
      <c r="D670" s="41" t="s">
        <v>329</v>
      </c>
      <c r="E670" s="44" t="s">
        <v>712</v>
      </c>
      <c r="F670" s="43" t="s">
        <v>16</v>
      </c>
    </row>
    <row r="671" spans="1:6" ht="14.65" customHeight="1">
      <c r="A671" s="40" t="s">
        <v>274</v>
      </c>
      <c r="B671" s="146">
        <v>2421054</v>
      </c>
      <c r="C671" s="43" t="s">
        <v>338</v>
      </c>
      <c r="D671" s="64" t="s">
        <v>330</v>
      </c>
      <c r="E671" s="60" t="s">
        <v>686</v>
      </c>
      <c r="F671" s="43" t="s">
        <v>16</v>
      </c>
    </row>
    <row r="672" spans="1:6" ht="14.65" customHeight="1">
      <c r="A672" s="50" t="s">
        <v>274</v>
      </c>
      <c r="B672" s="151">
        <v>2473267</v>
      </c>
      <c r="C672" s="64" t="s">
        <v>339</v>
      </c>
      <c r="D672" s="41" t="s">
        <v>335</v>
      </c>
      <c r="E672" s="71" t="s">
        <v>695</v>
      </c>
      <c r="F672" s="43" t="s">
        <v>16</v>
      </c>
    </row>
    <row r="673" spans="1:6" ht="14.65" customHeight="1">
      <c r="A673" s="50" t="s">
        <v>274</v>
      </c>
      <c r="B673" s="151">
        <v>2531267</v>
      </c>
      <c r="C673" s="64" t="s">
        <v>338</v>
      </c>
      <c r="D673" s="77" t="s">
        <v>672</v>
      </c>
      <c r="E673" s="71" t="s">
        <v>703</v>
      </c>
      <c r="F673" s="43" t="s">
        <v>16</v>
      </c>
    </row>
    <row r="674" spans="1:6" ht="14.65" customHeight="1">
      <c r="A674" s="40"/>
      <c r="B674" s="145"/>
      <c r="C674" s="41"/>
      <c r="D674" s="41"/>
      <c r="E674" s="42"/>
      <c r="F674" s="43"/>
    </row>
    <row r="675" spans="1:6" ht="14.65" customHeight="1">
      <c r="A675" s="40" t="s">
        <v>274</v>
      </c>
      <c r="B675" s="145">
        <v>2240769</v>
      </c>
      <c r="C675" s="41" t="s">
        <v>348</v>
      </c>
      <c r="D675" s="41" t="s">
        <v>349</v>
      </c>
      <c r="E675" s="44" t="s">
        <v>690</v>
      </c>
      <c r="F675" s="43" t="s">
        <v>16</v>
      </c>
    </row>
    <row r="676" spans="1:6" ht="14.65" customHeight="1">
      <c r="A676" s="40" t="s">
        <v>274</v>
      </c>
      <c r="B676" s="145">
        <v>2320177</v>
      </c>
      <c r="C676" s="41" t="s">
        <v>348</v>
      </c>
      <c r="D676" s="41" t="s">
        <v>342</v>
      </c>
      <c r="E676" s="44" t="s">
        <v>719</v>
      </c>
      <c r="F676" s="43" t="s">
        <v>16</v>
      </c>
    </row>
    <row r="677" spans="1:6" ht="14.65" customHeight="1">
      <c r="A677" s="40" t="s">
        <v>274</v>
      </c>
      <c r="B677" s="145">
        <v>2375958</v>
      </c>
      <c r="C677" s="41" t="s">
        <v>348</v>
      </c>
      <c r="D677" s="41" t="s">
        <v>343</v>
      </c>
      <c r="E677" s="44" t="s">
        <v>712</v>
      </c>
      <c r="F677" s="43" t="s">
        <v>16</v>
      </c>
    </row>
    <row r="678" spans="1:6" ht="14.65" customHeight="1">
      <c r="A678" s="40" t="s">
        <v>274</v>
      </c>
      <c r="B678" s="145">
        <v>2388944</v>
      </c>
      <c r="C678" s="41" t="s">
        <v>348</v>
      </c>
      <c r="D678" s="41" t="s">
        <v>344</v>
      </c>
      <c r="E678" s="44" t="s">
        <v>713</v>
      </c>
      <c r="F678" s="43" t="s">
        <v>16</v>
      </c>
    </row>
    <row r="679" spans="1:6" ht="14.65" customHeight="1">
      <c r="A679" s="40" t="s">
        <v>274</v>
      </c>
      <c r="B679" s="145">
        <v>2390345</v>
      </c>
      <c r="C679" s="41" t="s">
        <v>348</v>
      </c>
      <c r="D679" s="41" t="s">
        <v>344</v>
      </c>
      <c r="E679" s="44" t="s">
        <v>717</v>
      </c>
      <c r="F679" s="43" t="s">
        <v>16</v>
      </c>
    </row>
    <row r="680" spans="1:6" ht="14.65" customHeight="1">
      <c r="A680" s="40" t="s">
        <v>274</v>
      </c>
      <c r="B680" s="145">
        <v>2407485</v>
      </c>
      <c r="C680" s="41" t="s">
        <v>348</v>
      </c>
      <c r="D680" s="41" t="s">
        <v>345</v>
      </c>
      <c r="E680" s="44" t="s">
        <v>681</v>
      </c>
      <c r="F680" s="43" t="s">
        <v>16</v>
      </c>
    </row>
    <row r="681" spans="1:6" ht="14.65" customHeight="1">
      <c r="A681" s="67" t="s">
        <v>274</v>
      </c>
      <c r="B681" s="150">
        <v>2453568</v>
      </c>
      <c r="C681" s="68" t="s">
        <v>348</v>
      </c>
      <c r="D681" s="68" t="s">
        <v>347</v>
      </c>
      <c r="E681" s="72" t="s">
        <v>686</v>
      </c>
      <c r="F681" s="70" t="s">
        <v>16</v>
      </c>
    </row>
    <row r="682" spans="1:6" ht="14.65" customHeight="1">
      <c r="A682" s="45" t="s">
        <v>274</v>
      </c>
      <c r="B682" s="146">
        <v>2486369</v>
      </c>
      <c r="C682" s="43" t="s">
        <v>348</v>
      </c>
      <c r="D682" s="46" t="s">
        <v>611</v>
      </c>
      <c r="E682" s="60" t="s">
        <v>701</v>
      </c>
      <c r="F682" s="58" t="s">
        <v>16</v>
      </c>
    </row>
    <row r="683" spans="1:6" ht="14.65" customHeight="1">
      <c r="A683" s="55" t="s">
        <v>274</v>
      </c>
      <c r="B683" s="146">
        <v>2386755</v>
      </c>
      <c r="C683" s="43" t="s">
        <v>348</v>
      </c>
      <c r="D683" s="46" t="s">
        <v>630</v>
      </c>
      <c r="E683" s="60" t="s">
        <v>695</v>
      </c>
      <c r="F683" s="58" t="s">
        <v>16</v>
      </c>
    </row>
    <row r="684" spans="1:6" ht="14.65" customHeight="1">
      <c r="A684" s="55" t="s">
        <v>274</v>
      </c>
      <c r="B684" s="146">
        <v>2499622</v>
      </c>
      <c r="C684" s="43" t="s">
        <v>348</v>
      </c>
      <c r="D684" s="46" t="s">
        <v>638</v>
      </c>
      <c r="E684" s="54" t="s">
        <v>709</v>
      </c>
      <c r="F684" s="58" t="s">
        <v>16</v>
      </c>
    </row>
    <row r="685" spans="1:6" ht="14.65" customHeight="1">
      <c r="A685" s="55" t="s">
        <v>274</v>
      </c>
      <c r="B685" s="147">
        <v>2503794</v>
      </c>
      <c r="C685" s="73" t="s">
        <v>348</v>
      </c>
      <c r="D685" s="73" t="s">
        <v>657</v>
      </c>
      <c r="E685" s="54" t="s">
        <v>703</v>
      </c>
      <c r="F685" s="58" t="s">
        <v>16</v>
      </c>
    </row>
    <row r="686" spans="1:6" ht="14.65" customHeight="1">
      <c r="A686" s="40"/>
      <c r="B686" s="145"/>
      <c r="C686" s="41"/>
      <c r="D686" s="41"/>
      <c r="E686" s="42"/>
      <c r="F686" s="43"/>
    </row>
    <row r="687" spans="1:6" ht="14.65" customHeight="1">
      <c r="A687" s="40" t="s">
        <v>274</v>
      </c>
      <c r="B687" s="145">
        <v>2240770</v>
      </c>
      <c r="C687" s="41" t="s">
        <v>340</v>
      </c>
      <c r="D687" s="41" t="s">
        <v>341</v>
      </c>
      <c r="E687" s="42" t="s">
        <v>690</v>
      </c>
      <c r="F687" s="43" t="s">
        <v>16</v>
      </c>
    </row>
    <row r="688" spans="1:6" ht="14.65" customHeight="1">
      <c r="A688" s="40" t="s">
        <v>274</v>
      </c>
      <c r="B688" s="145">
        <v>2320185</v>
      </c>
      <c r="C688" s="41" t="s">
        <v>340</v>
      </c>
      <c r="D688" s="41" t="s">
        <v>342</v>
      </c>
      <c r="E688" s="42" t="s">
        <v>719</v>
      </c>
      <c r="F688" s="43" t="s">
        <v>16</v>
      </c>
    </row>
    <row r="689" spans="1:10" ht="14.65" customHeight="1">
      <c r="A689" s="40" t="s">
        <v>274</v>
      </c>
      <c r="B689" s="145">
        <v>2375966</v>
      </c>
      <c r="C689" s="41" t="s">
        <v>340</v>
      </c>
      <c r="D689" s="41" t="s">
        <v>343</v>
      </c>
      <c r="E689" s="42" t="s">
        <v>712</v>
      </c>
      <c r="F689" s="43" t="s">
        <v>16</v>
      </c>
    </row>
    <row r="690" spans="1:10" ht="14.65" customHeight="1">
      <c r="A690" s="40" t="s">
        <v>274</v>
      </c>
      <c r="B690" s="145">
        <v>2388952</v>
      </c>
      <c r="C690" s="41" t="s">
        <v>340</v>
      </c>
      <c r="D690" s="41" t="s">
        <v>344</v>
      </c>
      <c r="E690" s="42" t="s">
        <v>713</v>
      </c>
      <c r="F690" s="43" t="s">
        <v>16</v>
      </c>
    </row>
    <row r="691" spans="1:10" ht="14.65" customHeight="1">
      <c r="A691" s="40" t="s">
        <v>274</v>
      </c>
      <c r="B691" s="145">
        <v>2390353</v>
      </c>
      <c r="C691" s="41" t="s">
        <v>340</v>
      </c>
      <c r="D691" s="41" t="s">
        <v>344</v>
      </c>
      <c r="E691" s="42" t="s">
        <v>717</v>
      </c>
      <c r="F691" s="43" t="s">
        <v>16</v>
      </c>
    </row>
    <row r="692" spans="1:10" ht="14.65" customHeight="1">
      <c r="A692" s="40" t="s">
        <v>274</v>
      </c>
      <c r="B692" s="145">
        <v>2407493</v>
      </c>
      <c r="C692" s="41" t="s">
        <v>340</v>
      </c>
      <c r="D692" s="41" t="s">
        <v>345</v>
      </c>
      <c r="E692" s="42" t="s">
        <v>681</v>
      </c>
      <c r="F692" s="43" t="s">
        <v>16</v>
      </c>
    </row>
    <row r="693" spans="1:10" ht="14.65" customHeight="1">
      <c r="A693" s="40" t="s">
        <v>274</v>
      </c>
      <c r="B693" s="145">
        <v>2420090</v>
      </c>
      <c r="C693" s="41" t="s">
        <v>340</v>
      </c>
      <c r="D693" s="41" t="s">
        <v>346</v>
      </c>
      <c r="E693" s="42" t="s">
        <v>683</v>
      </c>
      <c r="F693" s="43" t="s">
        <v>16</v>
      </c>
    </row>
    <row r="694" spans="1:10" ht="14.65" customHeight="1">
      <c r="A694" s="67" t="s">
        <v>274</v>
      </c>
      <c r="B694" s="150">
        <v>2453576</v>
      </c>
      <c r="C694" s="68" t="s">
        <v>340</v>
      </c>
      <c r="D694" s="68" t="s">
        <v>347</v>
      </c>
      <c r="E694" s="69" t="s">
        <v>686</v>
      </c>
      <c r="F694" s="70" t="s">
        <v>16</v>
      </c>
    </row>
    <row r="695" spans="1:10" ht="14.65" customHeight="1">
      <c r="A695" s="45" t="s">
        <v>274</v>
      </c>
      <c r="B695" s="146">
        <v>2486377</v>
      </c>
      <c r="C695" s="43" t="s">
        <v>340</v>
      </c>
      <c r="D695" s="46" t="s">
        <v>611</v>
      </c>
      <c r="E695" s="60" t="s">
        <v>701</v>
      </c>
      <c r="F695" s="58" t="s">
        <v>16</v>
      </c>
    </row>
    <row r="696" spans="1:10" ht="14.65" customHeight="1">
      <c r="A696" s="55" t="s">
        <v>274</v>
      </c>
      <c r="B696" s="146">
        <v>2386763</v>
      </c>
      <c r="C696" s="46" t="s">
        <v>340</v>
      </c>
      <c r="D696" s="46" t="s">
        <v>630</v>
      </c>
      <c r="E696" s="60" t="s">
        <v>695</v>
      </c>
      <c r="F696" s="58" t="s">
        <v>16</v>
      </c>
    </row>
    <row r="697" spans="1:10" ht="14.65" customHeight="1">
      <c r="A697" s="55" t="s">
        <v>274</v>
      </c>
      <c r="B697" s="147">
        <v>2499630</v>
      </c>
      <c r="C697" s="46" t="s">
        <v>340</v>
      </c>
      <c r="D697" s="46" t="s">
        <v>638</v>
      </c>
      <c r="E697" s="54" t="s">
        <v>709</v>
      </c>
      <c r="F697" s="58" t="s">
        <v>16</v>
      </c>
    </row>
    <row r="698" spans="1:10" ht="14.65" customHeight="1">
      <c r="A698" s="177" t="s">
        <v>274</v>
      </c>
      <c r="B698" s="143">
        <v>2503808</v>
      </c>
      <c r="C698" s="98" t="s">
        <v>340</v>
      </c>
      <c r="D698" s="98" t="s">
        <v>657</v>
      </c>
      <c r="E698" s="105" t="s">
        <v>703</v>
      </c>
      <c r="F698" s="182" t="s">
        <v>16</v>
      </c>
      <c r="G698"/>
    </row>
    <row r="699" spans="1:10" ht="14.65" customHeight="1">
      <c r="A699" s="92"/>
      <c r="B699" s="135"/>
      <c r="C699" s="93"/>
      <c r="D699" s="93"/>
      <c r="E699" s="94"/>
      <c r="F699" s="95"/>
      <c r="G699"/>
    </row>
    <row r="700" spans="1:10" ht="14.65" customHeight="1">
      <c r="A700" s="92" t="s">
        <v>274</v>
      </c>
      <c r="B700" s="135">
        <v>2371022</v>
      </c>
      <c r="C700" s="93" t="s">
        <v>352</v>
      </c>
      <c r="D700" s="93" t="s">
        <v>351</v>
      </c>
      <c r="E700" s="100" t="s">
        <v>690</v>
      </c>
      <c r="F700" s="95" t="s">
        <v>16</v>
      </c>
      <c r="G700"/>
    </row>
    <row r="701" spans="1:10" customFormat="1" ht="14.65" customHeight="1">
      <c r="A701" s="104" t="s">
        <v>274</v>
      </c>
      <c r="B701" s="142">
        <v>2559854</v>
      </c>
      <c r="C701" s="122" t="s">
        <v>732</v>
      </c>
      <c r="D701" s="122" t="s">
        <v>733</v>
      </c>
      <c r="E701" s="174" t="s">
        <v>697</v>
      </c>
      <c r="F701" s="106" t="s">
        <v>16</v>
      </c>
      <c r="G701" s="196"/>
      <c r="I701" s="98"/>
      <c r="J701" s="170"/>
    </row>
    <row r="702" spans="1:10" ht="14.65" customHeight="1">
      <c r="A702" s="92"/>
      <c r="B702" s="135"/>
      <c r="C702" s="93"/>
      <c r="D702" s="93"/>
      <c r="E702" s="100"/>
      <c r="F702" s="95"/>
      <c r="G702"/>
    </row>
    <row r="703" spans="1:10" ht="14.65" customHeight="1">
      <c r="A703" s="92" t="s">
        <v>274</v>
      </c>
      <c r="B703" s="135">
        <v>2371030</v>
      </c>
      <c r="C703" s="93" t="s">
        <v>350</v>
      </c>
      <c r="D703" s="93" t="s">
        <v>351</v>
      </c>
      <c r="E703" s="100" t="s">
        <v>690</v>
      </c>
      <c r="F703" s="95" t="s">
        <v>16</v>
      </c>
      <c r="G703"/>
    </row>
    <row r="704" spans="1:10" customFormat="1" ht="14.65" customHeight="1">
      <c r="A704" s="104" t="s">
        <v>274</v>
      </c>
      <c r="B704" s="142">
        <v>2559862</v>
      </c>
      <c r="C704" s="122" t="s">
        <v>734</v>
      </c>
      <c r="D704" s="122" t="s">
        <v>733</v>
      </c>
      <c r="E704" s="174" t="s">
        <v>697</v>
      </c>
      <c r="F704" s="106" t="s">
        <v>16</v>
      </c>
      <c r="G704" s="196"/>
    </row>
    <row r="705" spans="1:7" ht="14.65" customHeight="1">
      <c r="A705" s="97"/>
      <c r="B705" s="197"/>
      <c r="C705" s="98"/>
      <c r="D705" s="98"/>
      <c r="E705" s="198"/>
      <c r="F705" s="98"/>
      <c r="G705"/>
    </row>
    <row r="706" spans="1:7" ht="14.65" customHeight="1">
      <c r="A706" s="92" t="s">
        <v>274</v>
      </c>
      <c r="B706" s="135">
        <v>2371049</v>
      </c>
      <c r="C706" s="93" t="s">
        <v>354</v>
      </c>
      <c r="D706" s="93" t="s">
        <v>351</v>
      </c>
      <c r="E706" s="100" t="s">
        <v>690</v>
      </c>
      <c r="F706" s="95" t="s">
        <v>16</v>
      </c>
      <c r="G706"/>
    </row>
    <row r="707" spans="1:7" customFormat="1" ht="14.65" customHeight="1">
      <c r="A707" s="104" t="s">
        <v>274</v>
      </c>
      <c r="B707" s="142">
        <v>2473488</v>
      </c>
      <c r="C707" s="122" t="s">
        <v>735</v>
      </c>
      <c r="D707" s="122" t="s">
        <v>736</v>
      </c>
      <c r="E707" s="174" t="s">
        <v>683</v>
      </c>
      <c r="F707" s="106" t="s">
        <v>16</v>
      </c>
    </row>
    <row r="708" spans="1:7" customFormat="1" ht="14.65" customHeight="1">
      <c r="A708" s="104" t="s">
        <v>274</v>
      </c>
      <c r="B708" s="142">
        <v>2559870</v>
      </c>
      <c r="C708" s="122" t="s">
        <v>735</v>
      </c>
      <c r="D708" s="122" t="s">
        <v>733</v>
      </c>
      <c r="E708" s="174" t="s">
        <v>697</v>
      </c>
      <c r="F708" s="106" t="s">
        <v>16</v>
      </c>
      <c r="G708" s="196"/>
    </row>
    <row r="709" spans="1:7" ht="14.65" customHeight="1">
      <c r="A709" s="92"/>
      <c r="B709" s="135"/>
      <c r="C709" s="93"/>
      <c r="D709" s="93"/>
      <c r="E709" s="100"/>
      <c r="F709" s="95"/>
      <c r="G709"/>
    </row>
    <row r="710" spans="1:7" ht="14.65" customHeight="1">
      <c r="A710" s="92" t="s">
        <v>274</v>
      </c>
      <c r="B710" s="135">
        <v>2371057</v>
      </c>
      <c r="C710" s="93" t="s">
        <v>353</v>
      </c>
      <c r="D710" s="93" t="s">
        <v>351</v>
      </c>
      <c r="E710" s="100" t="s">
        <v>690</v>
      </c>
      <c r="F710" s="95" t="s">
        <v>16</v>
      </c>
      <c r="G710"/>
    </row>
    <row r="711" spans="1:7" customFormat="1" ht="14.65" customHeight="1">
      <c r="A711" s="104" t="s">
        <v>274</v>
      </c>
      <c r="B711" s="142">
        <v>2473496</v>
      </c>
      <c r="C711" s="122" t="s">
        <v>737</v>
      </c>
      <c r="D711" s="122" t="s">
        <v>736</v>
      </c>
      <c r="E711" s="114" t="s">
        <v>683</v>
      </c>
      <c r="F711" s="106" t="s">
        <v>16</v>
      </c>
    </row>
    <row r="712" spans="1:7" customFormat="1" ht="14.65" customHeight="1">
      <c r="A712" s="104" t="s">
        <v>274</v>
      </c>
      <c r="B712" s="142">
        <v>2559889</v>
      </c>
      <c r="C712" s="122" t="s">
        <v>737</v>
      </c>
      <c r="D712" s="122" t="s">
        <v>733</v>
      </c>
      <c r="E712" s="114" t="s">
        <v>697</v>
      </c>
      <c r="F712" s="106" t="s">
        <v>16</v>
      </c>
      <c r="G712" s="196"/>
    </row>
    <row r="713" spans="1:7" ht="14.65" customHeight="1">
      <c r="A713" s="40"/>
      <c r="B713" s="145"/>
      <c r="C713" s="41"/>
      <c r="D713" s="41"/>
      <c r="E713" s="44"/>
      <c r="F713" s="43"/>
    </row>
    <row r="714" spans="1:7" ht="14.65" customHeight="1">
      <c r="A714" s="40" t="s">
        <v>274</v>
      </c>
      <c r="B714" s="145">
        <v>2244344</v>
      </c>
      <c r="C714" s="41" t="s">
        <v>355</v>
      </c>
      <c r="D714" s="41" t="s">
        <v>356</v>
      </c>
      <c r="E714" s="44" t="s">
        <v>690</v>
      </c>
      <c r="F714" s="43" t="s">
        <v>16</v>
      </c>
    </row>
    <row r="715" spans="1:7" ht="14.65" customHeight="1">
      <c r="A715" s="40" t="s">
        <v>274</v>
      </c>
      <c r="B715" s="145">
        <v>2330288</v>
      </c>
      <c r="C715" s="41" t="s">
        <v>355</v>
      </c>
      <c r="D715" s="41" t="s">
        <v>357</v>
      </c>
      <c r="E715" s="42" t="s">
        <v>719</v>
      </c>
      <c r="F715" s="43" t="s">
        <v>16</v>
      </c>
    </row>
    <row r="716" spans="1:7" ht="14.65" customHeight="1">
      <c r="A716" s="40" t="s">
        <v>274</v>
      </c>
      <c r="B716" s="145">
        <v>2390302</v>
      </c>
      <c r="C716" s="41" t="s">
        <v>355</v>
      </c>
      <c r="D716" s="41" t="s">
        <v>358</v>
      </c>
      <c r="E716" s="42" t="s">
        <v>717</v>
      </c>
      <c r="F716" s="43" t="s">
        <v>16</v>
      </c>
    </row>
    <row r="717" spans="1:7" ht="14.65" customHeight="1">
      <c r="A717" s="40" t="s">
        <v>274</v>
      </c>
      <c r="B717" s="145">
        <v>2393557</v>
      </c>
      <c r="C717" s="41" t="s">
        <v>355</v>
      </c>
      <c r="D717" s="41" t="s">
        <v>359</v>
      </c>
      <c r="E717" s="42" t="s">
        <v>712</v>
      </c>
      <c r="F717" s="43" t="s">
        <v>16</v>
      </c>
    </row>
    <row r="718" spans="1:7" ht="14.65" customHeight="1">
      <c r="A718" s="40" t="s">
        <v>274</v>
      </c>
      <c r="B718" s="145">
        <v>2395355</v>
      </c>
      <c r="C718" s="41" t="s">
        <v>355</v>
      </c>
      <c r="D718" s="41" t="s">
        <v>360</v>
      </c>
      <c r="E718" s="42" t="s">
        <v>713</v>
      </c>
      <c r="F718" s="43" t="s">
        <v>16</v>
      </c>
    </row>
    <row r="719" spans="1:7" ht="14.65" customHeight="1">
      <c r="A719" s="40" t="s">
        <v>274</v>
      </c>
      <c r="B719" s="145">
        <v>2419114</v>
      </c>
      <c r="C719" s="41" t="s">
        <v>355</v>
      </c>
      <c r="D719" s="41" t="s">
        <v>361</v>
      </c>
      <c r="E719" s="42" t="s">
        <v>681</v>
      </c>
      <c r="F719" s="43" t="s">
        <v>16</v>
      </c>
    </row>
    <row r="720" spans="1:7" ht="14.65" customHeight="1">
      <c r="A720" s="67" t="s">
        <v>274</v>
      </c>
      <c r="B720" s="150">
        <v>2456389</v>
      </c>
      <c r="C720" s="68" t="s">
        <v>355</v>
      </c>
      <c r="D720" s="68" t="s">
        <v>362</v>
      </c>
      <c r="E720" s="69" t="s">
        <v>686</v>
      </c>
      <c r="F720" s="70" t="s">
        <v>16</v>
      </c>
    </row>
    <row r="721" spans="1:6" ht="14.65" customHeight="1">
      <c r="A721" s="55" t="s">
        <v>274</v>
      </c>
      <c r="B721" s="146">
        <v>2389940</v>
      </c>
      <c r="C721" s="43" t="s">
        <v>355</v>
      </c>
      <c r="D721" s="46" t="s">
        <v>631</v>
      </c>
      <c r="E721" s="60" t="s">
        <v>695</v>
      </c>
      <c r="F721" s="58" t="s">
        <v>16</v>
      </c>
    </row>
    <row r="722" spans="1:6" ht="14.65" customHeight="1">
      <c r="A722" s="55" t="s">
        <v>274</v>
      </c>
      <c r="B722" s="146">
        <v>2504146</v>
      </c>
      <c r="C722" s="43" t="s">
        <v>355</v>
      </c>
      <c r="D722" s="46" t="s">
        <v>639</v>
      </c>
      <c r="E722" s="54" t="s">
        <v>703</v>
      </c>
      <c r="F722" s="58" t="s">
        <v>16</v>
      </c>
    </row>
    <row r="723" spans="1:6" ht="14.65" customHeight="1">
      <c r="A723" s="40"/>
      <c r="B723" s="145"/>
      <c r="C723" s="41"/>
      <c r="D723" s="41"/>
      <c r="E723" s="42"/>
      <c r="F723" s="43"/>
    </row>
    <row r="724" spans="1:6" ht="14.65" customHeight="1">
      <c r="A724" s="40" t="s">
        <v>274</v>
      </c>
      <c r="B724" s="145">
        <v>2318709</v>
      </c>
      <c r="C724" s="41" t="s">
        <v>363</v>
      </c>
      <c r="D724" s="41" t="s">
        <v>356</v>
      </c>
      <c r="E724" s="42" t="s">
        <v>690</v>
      </c>
      <c r="F724" s="43" t="s">
        <v>16</v>
      </c>
    </row>
    <row r="725" spans="1:6" ht="14.65" customHeight="1">
      <c r="A725" s="40" t="s">
        <v>274</v>
      </c>
      <c r="B725" s="145">
        <v>2379252</v>
      </c>
      <c r="C725" s="41" t="s">
        <v>363</v>
      </c>
      <c r="D725" s="41" t="s">
        <v>357</v>
      </c>
      <c r="E725" s="42" t="s">
        <v>719</v>
      </c>
      <c r="F725" s="43" t="s">
        <v>16</v>
      </c>
    </row>
    <row r="726" spans="1:6" ht="14.65" customHeight="1">
      <c r="A726" s="40" t="s">
        <v>274</v>
      </c>
      <c r="B726" s="145">
        <v>2390310</v>
      </c>
      <c r="C726" s="41" t="s">
        <v>363</v>
      </c>
      <c r="D726" s="41" t="s">
        <v>358</v>
      </c>
      <c r="E726" s="42" t="s">
        <v>717</v>
      </c>
      <c r="F726" s="43" t="s">
        <v>16</v>
      </c>
    </row>
    <row r="727" spans="1:6" ht="14.65" customHeight="1">
      <c r="A727" s="40" t="s">
        <v>274</v>
      </c>
      <c r="B727" s="145">
        <v>2393565</v>
      </c>
      <c r="C727" s="41" t="s">
        <v>363</v>
      </c>
      <c r="D727" s="41" t="s">
        <v>359</v>
      </c>
      <c r="E727" s="42" t="s">
        <v>712</v>
      </c>
      <c r="F727" s="43" t="s">
        <v>16</v>
      </c>
    </row>
    <row r="728" spans="1:6" ht="14.65" customHeight="1">
      <c r="A728" s="40" t="s">
        <v>274</v>
      </c>
      <c r="B728" s="145">
        <v>2395363</v>
      </c>
      <c r="C728" s="41" t="s">
        <v>363</v>
      </c>
      <c r="D728" s="41" t="s">
        <v>360</v>
      </c>
      <c r="E728" s="42" t="s">
        <v>713</v>
      </c>
      <c r="F728" s="43" t="s">
        <v>16</v>
      </c>
    </row>
    <row r="729" spans="1:6" ht="14.65" customHeight="1">
      <c r="A729" s="40" t="s">
        <v>274</v>
      </c>
      <c r="B729" s="145">
        <v>2419122</v>
      </c>
      <c r="C729" s="41" t="s">
        <v>363</v>
      </c>
      <c r="D729" s="41" t="s">
        <v>361</v>
      </c>
      <c r="E729" s="42" t="s">
        <v>681</v>
      </c>
      <c r="F729" s="43" t="s">
        <v>16</v>
      </c>
    </row>
    <row r="730" spans="1:6" ht="14.65" customHeight="1">
      <c r="A730" s="67" t="s">
        <v>274</v>
      </c>
      <c r="B730" s="150">
        <v>2456397</v>
      </c>
      <c r="C730" s="68" t="s">
        <v>363</v>
      </c>
      <c r="D730" s="68" t="s">
        <v>362</v>
      </c>
      <c r="E730" s="69" t="s">
        <v>686</v>
      </c>
      <c r="F730" s="70" t="s">
        <v>16</v>
      </c>
    </row>
    <row r="731" spans="1:6" ht="14.65" customHeight="1">
      <c r="A731" s="55" t="s">
        <v>274</v>
      </c>
      <c r="B731" s="146">
        <v>2389959</v>
      </c>
      <c r="C731" s="46" t="s">
        <v>363</v>
      </c>
      <c r="D731" s="46" t="s">
        <v>631</v>
      </c>
      <c r="E731" s="60" t="s">
        <v>695</v>
      </c>
      <c r="F731" s="58" t="s">
        <v>16</v>
      </c>
    </row>
    <row r="732" spans="1:6" ht="14.65" customHeight="1">
      <c r="A732" s="55" t="s">
        <v>274</v>
      </c>
      <c r="B732" s="146">
        <v>2504138</v>
      </c>
      <c r="C732" s="43" t="s">
        <v>363</v>
      </c>
      <c r="D732" s="46" t="s">
        <v>639</v>
      </c>
      <c r="E732" s="54" t="s">
        <v>703</v>
      </c>
      <c r="F732" s="58" t="s">
        <v>16</v>
      </c>
    </row>
    <row r="733" spans="1:6" ht="14.65" customHeight="1">
      <c r="A733" s="40"/>
      <c r="B733" s="145"/>
      <c r="C733" s="41"/>
      <c r="D733" s="41"/>
      <c r="E733" s="42"/>
      <c r="F733" s="43"/>
    </row>
    <row r="734" spans="1:6" ht="14.65" customHeight="1">
      <c r="A734" s="40" t="s">
        <v>274</v>
      </c>
      <c r="B734" s="145">
        <v>2270528</v>
      </c>
      <c r="C734" s="41" t="s">
        <v>364</v>
      </c>
      <c r="D734" s="41" t="s">
        <v>365</v>
      </c>
      <c r="E734" s="42" t="s">
        <v>704</v>
      </c>
      <c r="F734" s="43" t="s">
        <v>16</v>
      </c>
    </row>
    <row r="735" spans="1:6" ht="14.65" customHeight="1">
      <c r="A735" s="40" t="s">
        <v>274</v>
      </c>
      <c r="B735" s="145">
        <v>2356643</v>
      </c>
      <c r="C735" s="41" t="s">
        <v>364</v>
      </c>
      <c r="D735" s="41" t="s">
        <v>366</v>
      </c>
      <c r="E735" s="42" t="s">
        <v>719</v>
      </c>
      <c r="F735" s="43" t="s">
        <v>16</v>
      </c>
    </row>
    <row r="736" spans="1:6" ht="14.65" customHeight="1">
      <c r="A736" s="40" t="s">
        <v>274</v>
      </c>
      <c r="B736" s="145">
        <v>2356740</v>
      </c>
      <c r="C736" s="41" t="s">
        <v>364</v>
      </c>
      <c r="D736" s="41" t="s">
        <v>367</v>
      </c>
      <c r="E736" s="42" t="s">
        <v>712</v>
      </c>
      <c r="F736" s="43" t="s">
        <v>16</v>
      </c>
    </row>
    <row r="737" spans="1:6" ht="14.65" customHeight="1">
      <c r="A737" s="40" t="s">
        <v>274</v>
      </c>
      <c r="B737" s="145">
        <v>2363062</v>
      </c>
      <c r="C737" s="41" t="s">
        <v>364</v>
      </c>
      <c r="D737" s="41" t="s">
        <v>623</v>
      </c>
      <c r="E737" s="42" t="s">
        <v>711</v>
      </c>
      <c r="F737" s="43" t="s">
        <v>16</v>
      </c>
    </row>
    <row r="738" spans="1:6" ht="14.65" customHeight="1">
      <c r="A738" s="40" t="s">
        <v>274</v>
      </c>
      <c r="B738" s="145">
        <v>2366940</v>
      </c>
      <c r="C738" s="41" t="s">
        <v>364</v>
      </c>
      <c r="D738" s="41" t="s">
        <v>368</v>
      </c>
      <c r="E738" s="42" t="s">
        <v>713</v>
      </c>
      <c r="F738" s="43" t="s">
        <v>16</v>
      </c>
    </row>
    <row r="739" spans="1:6" ht="14.65" customHeight="1">
      <c r="A739" s="40" t="s">
        <v>274</v>
      </c>
      <c r="B739" s="145">
        <v>2384523</v>
      </c>
      <c r="C739" s="41" t="s">
        <v>364</v>
      </c>
      <c r="D739" s="41" t="s">
        <v>368</v>
      </c>
      <c r="E739" s="42" t="s">
        <v>717</v>
      </c>
      <c r="F739" s="43" t="s">
        <v>16</v>
      </c>
    </row>
    <row r="740" spans="1:6" ht="14.65" customHeight="1">
      <c r="A740" s="40" t="s">
        <v>274</v>
      </c>
      <c r="B740" s="145">
        <v>2414201</v>
      </c>
      <c r="C740" s="41" t="s">
        <v>364</v>
      </c>
      <c r="D740" s="41" t="s">
        <v>369</v>
      </c>
      <c r="E740" s="42" t="s">
        <v>686</v>
      </c>
      <c r="F740" s="43" t="s">
        <v>16</v>
      </c>
    </row>
    <row r="741" spans="1:6" ht="14.65" customHeight="1">
      <c r="A741" s="40" t="s">
        <v>274</v>
      </c>
      <c r="B741" s="145">
        <v>2367726</v>
      </c>
      <c r="C741" s="41" t="s">
        <v>364</v>
      </c>
      <c r="D741" s="41" t="s">
        <v>370</v>
      </c>
      <c r="E741" s="44" t="s">
        <v>710</v>
      </c>
      <c r="F741" s="43" t="s">
        <v>16</v>
      </c>
    </row>
    <row r="742" spans="1:6" ht="14.65" customHeight="1">
      <c r="A742" s="40" t="s">
        <v>274</v>
      </c>
      <c r="B742" s="145">
        <v>2524511</v>
      </c>
      <c r="C742" s="41" t="s">
        <v>364</v>
      </c>
      <c r="D742" s="41" t="s">
        <v>665</v>
      </c>
      <c r="E742" s="44" t="s">
        <v>698</v>
      </c>
      <c r="F742" s="43" t="s">
        <v>16</v>
      </c>
    </row>
    <row r="743" spans="1:6" ht="14.65" customHeight="1">
      <c r="A743" s="40"/>
      <c r="B743" s="145"/>
      <c r="C743" s="41" t="s">
        <v>662</v>
      </c>
      <c r="D743" s="41"/>
      <c r="E743" s="42"/>
      <c r="F743" s="43"/>
    </row>
    <row r="744" spans="1:6" ht="14.65" customHeight="1">
      <c r="A744" s="40" t="s">
        <v>274</v>
      </c>
      <c r="B744" s="145">
        <v>2244781</v>
      </c>
      <c r="C744" s="41" t="s">
        <v>371</v>
      </c>
      <c r="D744" s="41" t="s">
        <v>372</v>
      </c>
      <c r="E744" s="42" t="s">
        <v>704</v>
      </c>
      <c r="F744" s="43" t="s">
        <v>16</v>
      </c>
    </row>
    <row r="745" spans="1:6" ht="14.65" customHeight="1">
      <c r="A745" s="40" t="s">
        <v>274</v>
      </c>
      <c r="B745" s="145">
        <v>2356651</v>
      </c>
      <c r="C745" s="41" t="s">
        <v>371</v>
      </c>
      <c r="D745" s="41" t="s">
        <v>366</v>
      </c>
      <c r="E745" s="42" t="s">
        <v>719</v>
      </c>
      <c r="F745" s="43" t="s">
        <v>16</v>
      </c>
    </row>
    <row r="746" spans="1:6" ht="14.65" customHeight="1">
      <c r="A746" s="40" t="s">
        <v>274</v>
      </c>
      <c r="B746" s="145">
        <v>2356759</v>
      </c>
      <c r="C746" s="41" t="s">
        <v>371</v>
      </c>
      <c r="D746" s="41" t="s">
        <v>367</v>
      </c>
      <c r="E746" s="42" t="s">
        <v>712</v>
      </c>
      <c r="F746" s="43" t="s">
        <v>16</v>
      </c>
    </row>
    <row r="747" spans="1:6" ht="14.65" customHeight="1">
      <c r="A747" s="40" t="s">
        <v>274</v>
      </c>
      <c r="B747" s="145">
        <v>2363100</v>
      </c>
      <c r="C747" s="41" t="s">
        <v>371</v>
      </c>
      <c r="D747" s="41" t="s">
        <v>623</v>
      </c>
      <c r="E747" s="42" t="s">
        <v>711</v>
      </c>
      <c r="F747" s="43" t="s">
        <v>16</v>
      </c>
    </row>
    <row r="748" spans="1:6" ht="14.65" customHeight="1">
      <c r="A748" s="40" t="s">
        <v>274</v>
      </c>
      <c r="B748" s="145">
        <v>2366959</v>
      </c>
      <c r="C748" s="41" t="s">
        <v>371</v>
      </c>
      <c r="D748" s="41" t="s">
        <v>368</v>
      </c>
      <c r="E748" s="42" t="s">
        <v>713</v>
      </c>
      <c r="F748" s="43" t="s">
        <v>16</v>
      </c>
    </row>
    <row r="749" spans="1:6" ht="14.65" customHeight="1">
      <c r="A749" s="40" t="s">
        <v>274</v>
      </c>
      <c r="B749" s="145">
        <v>2384531</v>
      </c>
      <c r="C749" s="41" t="s">
        <v>371</v>
      </c>
      <c r="D749" s="41" t="s">
        <v>368</v>
      </c>
      <c r="E749" s="42" t="s">
        <v>717</v>
      </c>
      <c r="F749" s="43" t="s">
        <v>16</v>
      </c>
    </row>
    <row r="750" spans="1:6" ht="14.65" customHeight="1">
      <c r="A750" s="40" t="s">
        <v>274</v>
      </c>
      <c r="B750" s="145">
        <v>2414228</v>
      </c>
      <c r="C750" s="41" t="s">
        <v>371</v>
      </c>
      <c r="D750" s="41" t="s">
        <v>369</v>
      </c>
      <c r="E750" s="42" t="s">
        <v>686</v>
      </c>
      <c r="F750" s="43" t="s">
        <v>16</v>
      </c>
    </row>
    <row r="751" spans="1:6" ht="14.65" customHeight="1">
      <c r="A751" s="40" t="s">
        <v>274</v>
      </c>
      <c r="B751" s="145">
        <v>2524538</v>
      </c>
      <c r="C751" s="41" t="s">
        <v>371</v>
      </c>
      <c r="D751" s="41" t="s">
        <v>665</v>
      </c>
      <c r="E751" s="42" t="s">
        <v>698</v>
      </c>
      <c r="F751" s="43" t="s">
        <v>16</v>
      </c>
    </row>
    <row r="752" spans="1:6" ht="14.65" customHeight="1">
      <c r="A752" s="40"/>
      <c r="B752" s="145"/>
      <c r="C752" s="41"/>
      <c r="D752" s="41"/>
      <c r="E752" s="42"/>
      <c r="F752" s="43"/>
    </row>
    <row r="753" spans="1:6" ht="14.65" customHeight="1">
      <c r="A753" s="40" t="s">
        <v>274</v>
      </c>
      <c r="B753" s="145">
        <v>2244782</v>
      </c>
      <c r="C753" s="41" t="s">
        <v>373</v>
      </c>
      <c r="D753" s="41" t="s">
        <v>374</v>
      </c>
      <c r="E753" s="42" t="s">
        <v>704</v>
      </c>
      <c r="F753" s="43" t="s">
        <v>16</v>
      </c>
    </row>
    <row r="754" spans="1:6" ht="14.65" customHeight="1">
      <c r="A754" s="40" t="s">
        <v>274</v>
      </c>
      <c r="B754" s="145">
        <v>2356678</v>
      </c>
      <c r="C754" s="41" t="s">
        <v>373</v>
      </c>
      <c r="D754" s="41" t="s">
        <v>366</v>
      </c>
      <c r="E754" s="42" t="s">
        <v>719</v>
      </c>
      <c r="F754" s="43" t="s">
        <v>16</v>
      </c>
    </row>
    <row r="755" spans="1:6" ht="14.65" customHeight="1">
      <c r="A755" s="40" t="s">
        <v>274</v>
      </c>
      <c r="B755" s="145">
        <v>2356767</v>
      </c>
      <c r="C755" s="41" t="s">
        <v>373</v>
      </c>
      <c r="D755" s="41" t="s">
        <v>367</v>
      </c>
      <c r="E755" s="42" t="s">
        <v>712</v>
      </c>
      <c r="F755" s="43" t="s">
        <v>16</v>
      </c>
    </row>
    <row r="756" spans="1:6" ht="14.65" customHeight="1">
      <c r="A756" s="40" t="s">
        <v>274</v>
      </c>
      <c r="B756" s="145">
        <v>2363119</v>
      </c>
      <c r="C756" s="41" t="s">
        <v>373</v>
      </c>
      <c r="D756" s="41" t="s">
        <v>623</v>
      </c>
      <c r="E756" s="42" t="s">
        <v>711</v>
      </c>
      <c r="F756" s="43" t="s">
        <v>16</v>
      </c>
    </row>
    <row r="757" spans="1:6" ht="14.65" customHeight="1">
      <c r="A757" s="40" t="s">
        <v>274</v>
      </c>
      <c r="B757" s="145">
        <v>2366967</v>
      </c>
      <c r="C757" s="41" t="s">
        <v>373</v>
      </c>
      <c r="D757" s="41" t="s">
        <v>368</v>
      </c>
      <c r="E757" s="42" t="s">
        <v>713</v>
      </c>
      <c r="F757" s="43" t="s">
        <v>16</v>
      </c>
    </row>
    <row r="758" spans="1:6" ht="14.65" customHeight="1">
      <c r="A758" s="40" t="s">
        <v>274</v>
      </c>
      <c r="B758" s="145">
        <v>2384558</v>
      </c>
      <c r="C758" s="41" t="s">
        <v>373</v>
      </c>
      <c r="D758" s="41" t="s">
        <v>368</v>
      </c>
      <c r="E758" s="42" t="s">
        <v>717</v>
      </c>
      <c r="F758" s="43" t="s">
        <v>16</v>
      </c>
    </row>
    <row r="759" spans="1:6" ht="14.65" customHeight="1">
      <c r="A759" s="40" t="s">
        <v>274</v>
      </c>
      <c r="B759" s="145">
        <v>2414236</v>
      </c>
      <c r="C759" s="41" t="s">
        <v>373</v>
      </c>
      <c r="D759" s="41" t="s">
        <v>369</v>
      </c>
      <c r="E759" s="42" t="s">
        <v>686</v>
      </c>
      <c r="F759" s="43" t="s">
        <v>16</v>
      </c>
    </row>
    <row r="760" spans="1:6" ht="14.65" customHeight="1">
      <c r="A760" s="40" t="s">
        <v>274</v>
      </c>
      <c r="B760" s="145">
        <v>2524546</v>
      </c>
      <c r="C760" s="41" t="s">
        <v>373</v>
      </c>
      <c r="D760" s="41" t="s">
        <v>665</v>
      </c>
      <c r="E760" s="42" t="s">
        <v>698</v>
      </c>
      <c r="F760" s="43" t="s">
        <v>16</v>
      </c>
    </row>
    <row r="761" spans="1:6" ht="14.65" customHeight="1">
      <c r="A761" s="40"/>
      <c r="B761" s="145"/>
      <c r="C761" s="41"/>
      <c r="D761" s="41"/>
      <c r="E761" s="42"/>
      <c r="F761" s="43"/>
    </row>
    <row r="762" spans="1:6" ht="14.65" customHeight="1">
      <c r="A762" s="40" t="s">
        <v>274</v>
      </c>
      <c r="B762" s="145">
        <v>2289504</v>
      </c>
      <c r="C762" s="41" t="s">
        <v>375</v>
      </c>
      <c r="D762" s="41" t="s">
        <v>365</v>
      </c>
      <c r="E762" s="42" t="s">
        <v>704</v>
      </c>
      <c r="F762" s="43" t="s">
        <v>16</v>
      </c>
    </row>
    <row r="763" spans="1:6" ht="14.65" customHeight="1">
      <c r="A763" s="40" t="s">
        <v>274</v>
      </c>
      <c r="B763" s="145">
        <v>2356686</v>
      </c>
      <c r="C763" s="41" t="s">
        <v>375</v>
      </c>
      <c r="D763" s="41" t="s">
        <v>366</v>
      </c>
      <c r="E763" s="42" t="s">
        <v>719</v>
      </c>
      <c r="F763" s="43" t="s">
        <v>16</v>
      </c>
    </row>
    <row r="764" spans="1:6" ht="14.65" customHeight="1">
      <c r="A764" s="40" t="s">
        <v>274</v>
      </c>
      <c r="B764" s="145">
        <v>2356775</v>
      </c>
      <c r="C764" s="41" t="s">
        <v>375</v>
      </c>
      <c r="D764" s="41" t="s">
        <v>367</v>
      </c>
      <c r="E764" s="42" t="s">
        <v>712</v>
      </c>
      <c r="F764" s="43" t="s">
        <v>16</v>
      </c>
    </row>
    <row r="765" spans="1:6" ht="14.65" customHeight="1">
      <c r="A765" s="40" t="s">
        <v>274</v>
      </c>
      <c r="B765" s="145">
        <v>2366975</v>
      </c>
      <c r="C765" s="41" t="s">
        <v>375</v>
      </c>
      <c r="D765" s="41" t="s">
        <v>368</v>
      </c>
      <c r="E765" s="42" t="s">
        <v>713</v>
      </c>
      <c r="F765" s="43" t="s">
        <v>16</v>
      </c>
    </row>
    <row r="766" spans="1:6" ht="14.65" customHeight="1">
      <c r="A766" s="40" t="s">
        <v>274</v>
      </c>
      <c r="B766" s="145">
        <v>2384566</v>
      </c>
      <c r="C766" s="41" t="s">
        <v>375</v>
      </c>
      <c r="D766" s="41" t="s">
        <v>368</v>
      </c>
      <c r="E766" s="42" t="s">
        <v>717</v>
      </c>
      <c r="F766" s="43" t="s">
        <v>16</v>
      </c>
    </row>
    <row r="767" spans="1:6" ht="14.65" customHeight="1">
      <c r="A767" s="40" t="s">
        <v>274</v>
      </c>
      <c r="B767" s="145">
        <v>2414244</v>
      </c>
      <c r="C767" s="41" t="s">
        <v>375</v>
      </c>
      <c r="D767" s="41" t="s">
        <v>369</v>
      </c>
      <c r="E767" s="42" t="s">
        <v>686</v>
      </c>
      <c r="F767" s="43" t="s">
        <v>16</v>
      </c>
    </row>
    <row r="768" spans="1:6" ht="14.65" customHeight="1">
      <c r="A768" s="40"/>
      <c r="B768" s="145"/>
      <c r="C768" s="41"/>
      <c r="D768" s="41"/>
      <c r="E768" s="42"/>
      <c r="F768" s="43"/>
    </row>
    <row r="769" spans="1:6" ht="14.65" customHeight="1">
      <c r="A769" s="40" t="s">
        <v>274</v>
      </c>
      <c r="B769" s="145">
        <v>2241900</v>
      </c>
      <c r="C769" s="41" t="s">
        <v>376</v>
      </c>
      <c r="D769" s="41" t="s">
        <v>377</v>
      </c>
      <c r="E769" s="42" t="s">
        <v>704</v>
      </c>
      <c r="F769" s="43" t="s">
        <v>16</v>
      </c>
    </row>
    <row r="770" spans="1:6" ht="14.65" customHeight="1">
      <c r="A770" s="40" t="s">
        <v>274</v>
      </c>
      <c r="B770" s="145">
        <v>2356694</v>
      </c>
      <c r="C770" s="41" t="s">
        <v>376</v>
      </c>
      <c r="D770" s="41" t="s">
        <v>378</v>
      </c>
      <c r="E770" s="42" t="s">
        <v>712</v>
      </c>
      <c r="F770" s="43" t="s">
        <v>16</v>
      </c>
    </row>
    <row r="771" spans="1:6" ht="14.65" customHeight="1">
      <c r="A771" s="40" t="s">
        <v>274</v>
      </c>
      <c r="B771" s="145">
        <v>2356996</v>
      </c>
      <c r="C771" s="41" t="s">
        <v>376</v>
      </c>
      <c r="D771" s="41" t="s">
        <v>379</v>
      </c>
      <c r="E771" s="42" t="s">
        <v>719</v>
      </c>
      <c r="F771" s="43" t="s">
        <v>16</v>
      </c>
    </row>
    <row r="772" spans="1:6" ht="14.65" customHeight="1">
      <c r="A772" s="40" t="s">
        <v>274</v>
      </c>
      <c r="B772" s="145">
        <v>2367009</v>
      </c>
      <c r="C772" s="41" t="s">
        <v>376</v>
      </c>
      <c r="D772" s="41" t="s">
        <v>380</v>
      </c>
      <c r="E772" s="42" t="s">
        <v>713</v>
      </c>
      <c r="F772" s="43" t="s">
        <v>16</v>
      </c>
    </row>
    <row r="773" spans="1:6" ht="14.65" customHeight="1">
      <c r="A773" s="40" t="s">
        <v>274</v>
      </c>
      <c r="B773" s="145">
        <v>2384736</v>
      </c>
      <c r="C773" s="41" t="s">
        <v>376</v>
      </c>
      <c r="D773" s="41" t="s">
        <v>380</v>
      </c>
      <c r="E773" s="42" t="s">
        <v>717</v>
      </c>
      <c r="F773" s="43" t="s">
        <v>16</v>
      </c>
    </row>
    <row r="774" spans="1:6" ht="14.65" customHeight="1">
      <c r="A774" s="40" t="s">
        <v>274</v>
      </c>
      <c r="B774" s="145">
        <v>2408112</v>
      </c>
      <c r="C774" s="41" t="s">
        <v>376</v>
      </c>
      <c r="D774" s="41" t="s">
        <v>381</v>
      </c>
      <c r="E774" s="42" t="s">
        <v>686</v>
      </c>
      <c r="F774" s="43" t="s">
        <v>16</v>
      </c>
    </row>
    <row r="775" spans="1:6" ht="14.65" customHeight="1">
      <c r="A775" s="40"/>
      <c r="B775" s="145"/>
      <c r="C775" s="41"/>
      <c r="D775" s="41"/>
      <c r="E775" s="42"/>
      <c r="F775" s="43"/>
    </row>
    <row r="776" spans="1:6" ht="14.65" customHeight="1">
      <c r="A776" s="40" t="s">
        <v>274</v>
      </c>
      <c r="B776" s="145">
        <v>2241901</v>
      </c>
      <c r="C776" s="41" t="s">
        <v>382</v>
      </c>
      <c r="D776" s="41" t="s">
        <v>377</v>
      </c>
      <c r="E776" s="42" t="s">
        <v>704</v>
      </c>
      <c r="F776" s="43" t="s">
        <v>16</v>
      </c>
    </row>
    <row r="777" spans="1:6" ht="14.65" customHeight="1">
      <c r="A777" s="40" t="s">
        <v>274</v>
      </c>
      <c r="B777" s="145">
        <v>2356708</v>
      </c>
      <c r="C777" s="41" t="s">
        <v>382</v>
      </c>
      <c r="D777" s="41" t="s">
        <v>378</v>
      </c>
      <c r="E777" s="42" t="s">
        <v>712</v>
      </c>
      <c r="F777" s="43" t="s">
        <v>16</v>
      </c>
    </row>
    <row r="778" spans="1:6" ht="14.65" customHeight="1">
      <c r="A778" s="40" t="s">
        <v>274</v>
      </c>
      <c r="B778" s="145">
        <v>2357003</v>
      </c>
      <c r="C778" s="41" t="s">
        <v>382</v>
      </c>
      <c r="D778" s="41" t="s">
        <v>379</v>
      </c>
      <c r="E778" s="42" t="s">
        <v>719</v>
      </c>
      <c r="F778" s="43" t="s">
        <v>16</v>
      </c>
    </row>
    <row r="779" spans="1:6" ht="14.65" customHeight="1">
      <c r="A779" s="40" t="s">
        <v>274</v>
      </c>
      <c r="B779" s="145">
        <v>2367017</v>
      </c>
      <c r="C779" s="41" t="s">
        <v>382</v>
      </c>
      <c r="D779" s="41" t="s">
        <v>380</v>
      </c>
      <c r="E779" s="42" t="s">
        <v>713</v>
      </c>
      <c r="F779" s="43" t="s">
        <v>16</v>
      </c>
    </row>
    <row r="780" spans="1:6" ht="14.65" customHeight="1">
      <c r="A780" s="40" t="s">
        <v>274</v>
      </c>
      <c r="B780" s="145">
        <v>2384744</v>
      </c>
      <c r="C780" s="41" t="s">
        <v>382</v>
      </c>
      <c r="D780" s="41" t="s">
        <v>380</v>
      </c>
      <c r="E780" s="42" t="s">
        <v>717</v>
      </c>
      <c r="F780" s="43" t="s">
        <v>16</v>
      </c>
    </row>
    <row r="781" spans="1:6" ht="14.65" customHeight="1">
      <c r="A781" s="40" t="s">
        <v>274</v>
      </c>
      <c r="B781" s="145">
        <v>2408120</v>
      </c>
      <c r="C781" s="41" t="s">
        <v>382</v>
      </c>
      <c r="D781" s="41" t="s">
        <v>381</v>
      </c>
      <c r="E781" s="42" t="s">
        <v>686</v>
      </c>
      <c r="F781" s="43" t="s">
        <v>16</v>
      </c>
    </row>
    <row r="782" spans="1:6" ht="14.65" customHeight="1">
      <c r="A782" s="40"/>
      <c r="B782" s="145"/>
      <c r="C782" s="41"/>
      <c r="D782" s="41"/>
      <c r="E782" s="42"/>
      <c r="F782" s="43"/>
    </row>
    <row r="783" spans="1:6" ht="14.65" customHeight="1">
      <c r="A783" s="40" t="s">
        <v>274</v>
      </c>
      <c r="B783" s="145">
        <v>2246955</v>
      </c>
      <c r="C783" s="41" t="s">
        <v>383</v>
      </c>
      <c r="D783" s="41" t="s">
        <v>377</v>
      </c>
      <c r="E783" s="42" t="s">
        <v>704</v>
      </c>
      <c r="F783" s="43" t="s">
        <v>16</v>
      </c>
    </row>
    <row r="784" spans="1:6" ht="14.65" customHeight="1">
      <c r="A784" s="40" t="s">
        <v>274</v>
      </c>
      <c r="B784" s="145">
        <v>2356716</v>
      </c>
      <c r="C784" s="41" t="s">
        <v>383</v>
      </c>
      <c r="D784" s="41" t="s">
        <v>378</v>
      </c>
      <c r="E784" s="42" t="s">
        <v>712</v>
      </c>
      <c r="F784" s="43" t="s">
        <v>16</v>
      </c>
    </row>
    <row r="785" spans="1:6" ht="14.65" customHeight="1">
      <c r="A785" s="40" t="s">
        <v>274</v>
      </c>
      <c r="B785" s="145">
        <v>2357011</v>
      </c>
      <c r="C785" s="41" t="s">
        <v>383</v>
      </c>
      <c r="D785" s="41" t="s">
        <v>379</v>
      </c>
      <c r="E785" s="42" t="s">
        <v>719</v>
      </c>
      <c r="F785" s="43" t="s">
        <v>16</v>
      </c>
    </row>
    <row r="786" spans="1:6" ht="14.65" customHeight="1">
      <c r="A786" s="40" t="s">
        <v>274</v>
      </c>
      <c r="B786" s="145">
        <v>2367025</v>
      </c>
      <c r="C786" s="41" t="s">
        <v>383</v>
      </c>
      <c r="D786" s="41" t="s">
        <v>380</v>
      </c>
      <c r="E786" s="42" t="s">
        <v>713</v>
      </c>
      <c r="F786" s="43" t="s">
        <v>16</v>
      </c>
    </row>
    <row r="787" spans="1:6" ht="14.65" customHeight="1">
      <c r="A787" s="40" t="s">
        <v>274</v>
      </c>
      <c r="B787" s="145">
        <v>2384752</v>
      </c>
      <c r="C787" s="41" t="s">
        <v>383</v>
      </c>
      <c r="D787" s="41" t="s">
        <v>380</v>
      </c>
      <c r="E787" s="42" t="s">
        <v>717</v>
      </c>
      <c r="F787" s="43" t="s">
        <v>16</v>
      </c>
    </row>
    <row r="788" spans="1:6" ht="14.65" customHeight="1">
      <c r="A788" s="40" t="s">
        <v>274</v>
      </c>
      <c r="B788" s="145">
        <v>2408139</v>
      </c>
      <c r="C788" s="41" t="s">
        <v>383</v>
      </c>
      <c r="D788" s="41" t="s">
        <v>381</v>
      </c>
      <c r="E788" s="42" t="s">
        <v>686</v>
      </c>
      <c r="F788" s="43" t="s">
        <v>16</v>
      </c>
    </row>
    <row r="789" spans="1:6" ht="14.65" customHeight="1">
      <c r="A789" s="40"/>
      <c r="B789" s="145"/>
      <c r="C789" s="41"/>
      <c r="D789" s="41"/>
      <c r="E789" s="42"/>
      <c r="F789" s="43"/>
    </row>
    <row r="790" spans="1:6" ht="14.65" customHeight="1">
      <c r="A790" s="40" t="s">
        <v>274</v>
      </c>
      <c r="B790" s="145">
        <v>2308908</v>
      </c>
      <c r="C790" s="41" t="s">
        <v>384</v>
      </c>
      <c r="D790" s="41" t="s">
        <v>377</v>
      </c>
      <c r="E790" s="42" t="s">
        <v>704</v>
      </c>
      <c r="F790" s="43" t="s">
        <v>16</v>
      </c>
    </row>
    <row r="791" spans="1:6" ht="14.65" customHeight="1">
      <c r="A791" s="40" t="s">
        <v>274</v>
      </c>
      <c r="B791" s="145">
        <v>2356724</v>
      </c>
      <c r="C791" s="41" t="s">
        <v>384</v>
      </c>
      <c r="D791" s="41" t="s">
        <v>378</v>
      </c>
      <c r="E791" s="42" t="s">
        <v>712</v>
      </c>
      <c r="F791" s="43" t="s">
        <v>16</v>
      </c>
    </row>
    <row r="792" spans="1:6" ht="14.65" customHeight="1">
      <c r="A792" s="40" t="s">
        <v>274</v>
      </c>
      <c r="B792" s="145">
        <v>2357038</v>
      </c>
      <c r="C792" s="41" t="s">
        <v>384</v>
      </c>
      <c r="D792" s="41" t="s">
        <v>379</v>
      </c>
      <c r="E792" s="42" t="s">
        <v>719</v>
      </c>
      <c r="F792" s="43" t="s">
        <v>16</v>
      </c>
    </row>
    <row r="793" spans="1:6" ht="14.65" customHeight="1">
      <c r="A793" s="40" t="s">
        <v>274</v>
      </c>
      <c r="B793" s="145">
        <v>2367033</v>
      </c>
      <c r="C793" s="41" t="s">
        <v>384</v>
      </c>
      <c r="D793" s="41" t="s">
        <v>380</v>
      </c>
      <c r="E793" s="42" t="s">
        <v>713</v>
      </c>
      <c r="F793" s="43" t="s">
        <v>16</v>
      </c>
    </row>
    <row r="794" spans="1:6" ht="14.65" customHeight="1">
      <c r="A794" s="40" t="s">
        <v>274</v>
      </c>
      <c r="B794" s="145">
        <v>2408147</v>
      </c>
      <c r="C794" s="41" t="s">
        <v>384</v>
      </c>
      <c r="D794" s="41" t="s">
        <v>381</v>
      </c>
      <c r="E794" s="42" t="s">
        <v>686</v>
      </c>
      <c r="F794" s="43" t="s">
        <v>16</v>
      </c>
    </row>
    <row r="795" spans="1:6" ht="14.65" customHeight="1">
      <c r="A795" s="50" t="s">
        <v>274</v>
      </c>
      <c r="B795" s="146">
        <v>2384760</v>
      </c>
      <c r="C795" s="64" t="s">
        <v>384</v>
      </c>
      <c r="D795" s="64" t="s">
        <v>380</v>
      </c>
      <c r="E795" s="60" t="s">
        <v>717</v>
      </c>
      <c r="F795" s="43" t="s">
        <v>16</v>
      </c>
    </row>
    <row r="796" spans="1:6" ht="14.65" customHeight="1">
      <c r="A796" s="40"/>
      <c r="B796" s="145"/>
      <c r="C796" s="41"/>
      <c r="D796" s="41"/>
      <c r="E796" s="42"/>
      <c r="F796" s="43"/>
    </row>
    <row r="797" spans="1:6" ht="14.65" customHeight="1">
      <c r="A797" s="40" t="s">
        <v>274</v>
      </c>
      <c r="B797" s="145">
        <v>2308916</v>
      </c>
      <c r="C797" s="41" t="s">
        <v>385</v>
      </c>
      <c r="D797" s="41" t="s">
        <v>377</v>
      </c>
      <c r="E797" s="42" t="s">
        <v>704</v>
      </c>
      <c r="F797" s="43" t="s">
        <v>16</v>
      </c>
    </row>
    <row r="798" spans="1:6" ht="14.65" customHeight="1">
      <c r="A798" s="40" t="s">
        <v>274</v>
      </c>
      <c r="B798" s="145">
        <v>2356732</v>
      </c>
      <c r="C798" s="41" t="s">
        <v>385</v>
      </c>
      <c r="D798" s="41" t="s">
        <v>378</v>
      </c>
      <c r="E798" s="42" t="s">
        <v>712</v>
      </c>
      <c r="F798" s="43" t="s">
        <v>16</v>
      </c>
    </row>
    <row r="799" spans="1:6" ht="14.65" customHeight="1">
      <c r="A799" s="40" t="s">
        <v>274</v>
      </c>
      <c r="B799" s="145">
        <v>2357046</v>
      </c>
      <c r="C799" s="41" t="s">
        <v>385</v>
      </c>
      <c r="D799" s="41" t="s">
        <v>379</v>
      </c>
      <c r="E799" s="42" t="s">
        <v>719</v>
      </c>
      <c r="F799" s="43" t="s">
        <v>16</v>
      </c>
    </row>
    <row r="800" spans="1:6" ht="14.65" customHeight="1">
      <c r="A800" s="40" t="s">
        <v>274</v>
      </c>
      <c r="B800" s="145">
        <v>2367041</v>
      </c>
      <c r="C800" s="41" t="s">
        <v>385</v>
      </c>
      <c r="D800" s="41" t="s">
        <v>380</v>
      </c>
      <c r="E800" s="42" t="s">
        <v>713</v>
      </c>
      <c r="F800" s="43" t="s">
        <v>16</v>
      </c>
    </row>
    <row r="801" spans="1:7" ht="14.65" customHeight="1">
      <c r="A801" s="40" t="s">
        <v>274</v>
      </c>
      <c r="B801" s="145">
        <v>2408155</v>
      </c>
      <c r="C801" s="41" t="s">
        <v>385</v>
      </c>
      <c r="D801" s="41" t="s">
        <v>381</v>
      </c>
      <c r="E801" s="42" t="s">
        <v>686</v>
      </c>
      <c r="F801" s="43" t="s">
        <v>16</v>
      </c>
    </row>
    <row r="802" spans="1:7" ht="14.65" customHeight="1">
      <c r="A802" s="40"/>
      <c r="B802" s="145"/>
      <c r="C802" s="41"/>
      <c r="D802" s="41"/>
      <c r="E802" s="42"/>
      <c r="F802" s="43"/>
    </row>
    <row r="803" spans="1:7" ht="14.65" customHeight="1">
      <c r="A803" s="40" t="s">
        <v>274</v>
      </c>
      <c r="B803" s="145">
        <v>2316390</v>
      </c>
      <c r="C803" s="41" t="s">
        <v>386</v>
      </c>
      <c r="D803" s="41" t="s">
        <v>388</v>
      </c>
      <c r="E803" s="42" t="s">
        <v>719</v>
      </c>
      <c r="F803" s="43" t="s">
        <v>48</v>
      </c>
    </row>
    <row r="804" spans="1:7" ht="14.65" customHeight="1">
      <c r="A804" s="40" t="s">
        <v>274</v>
      </c>
      <c r="B804" s="145">
        <v>2317060</v>
      </c>
      <c r="C804" s="41" t="s">
        <v>386</v>
      </c>
      <c r="D804" s="41" t="s">
        <v>389</v>
      </c>
      <c r="E804" s="42" t="s">
        <v>709</v>
      </c>
      <c r="F804" s="43" t="s">
        <v>48</v>
      </c>
    </row>
    <row r="805" spans="1:7" ht="14.65" customHeight="1">
      <c r="A805" s="40" t="s">
        <v>274</v>
      </c>
      <c r="B805" s="145">
        <v>2328461</v>
      </c>
      <c r="C805" s="41" t="s">
        <v>386</v>
      </c>
      <c r="D805" s="41" t="s">
        <v>390</v>
      </c>
      <c r="E805" s="42" t="s">
        <v>712</v>
      </c>
      <c r="F805" s="43" t="s">
        <v>48</v>
      </c>
    </row>
    <row r="806" spans="1:7" ht="14.65" customHeight="1">
      <c r="A806" s="40" t="s">
        <v>274</v>
      </c>
      <c r="B806" s="145">
        <v>2372347</v>
      </c>
      <c r="C806" s="41" t="s">
        <v>386</v>
      </c>
      <c r="D806" s="41" t="s">
        <v>391</v>
      </c>
      <c r="E806" s="42" t="s">
        <v>713</v>
      </c>
      <c r="F806" s="43" t="s">
        <v>48</v>
      </c>
    </row>
    <row r="807" spans="1:7" ht="14.65" customHeight="1">
      <c r="A807" s="40" t="s">
        <v>274</v>
      </c>
      <c r="B807" s="145">
        <v>2386968</v>
      </c>
      <c r="C807" s="41" t="s">
        <v>386</v>
      </c>
      <c r="D807" s="41" t="s">
        <v>392</v>
      </c>
      <c r="E807" s="42" t="s">
        <v>683</v>
      </c>
      <c r="F807" s="43" t="s">
        <v>48</v>
      </c>
    </row>
    <row r="808" spans="1:7" ht="14.65" customHeight="1">
      <c r="A808" s="40" t="s">
        <v>274</v>
      </c>
      <c r="B808" s="145">
        <v>2406098</v>
      </c>
      <c r="C808" s="41" t="s">
        <v>386</v>
      </c>
      <c r="D808" s="41" t="s">
        <v>393</v>
      </c>
      <c r="E808" s="42" t="s">
        <v>686</v>
      </c>
      <c r="F808" s="43" t="s">
        <v>48</v>
      </c>
    </row>
    <row r="809" spans="1:7" ht="14.65" customHeight="1">
      <c r="A809" s="40" t="s">
        <v>274</v>
      </c>
      <c r="B809" s="145">
        <v>2406810</v>
      </c>
      <c r="C809" s="41" t="s">
        <v>386</v>
      </c>
      <c r="D809" s="41" t="s">
        <v>394</v>
      </c>
      <c r="E809" s="42" t="s">
        <v>711</v>
      </c>
      <c r="F809" s="43" t="s">
        <v>48</v>
      </c>
    </row>
    <row r="810" spans="1:7" ht="14.65" customHeight="1">
      <c r="A810" s="40" t="s">
        <v>274</v>
      </c>
      <c r="B810" s="145">
        <v>2418193</v>
      </c>
      <c r="C810" s="41" t="s">
        <v>386</v>
      </c>
      <c r="D810" s="41" t="s">
        <v>395</v>
      </c>
      <c r="E810" s="42" t="s">
        <v>695</v>
      </c>
      <c r="F810" s="43" t="s">
        <v>48</v>
      </c>
    </row>
    <row r="811" spans="1:7" ht="14.65" customHeight="1">
      <c r="A811" s="40" t="s">
        <v>274</v>
      </c>
      <c r="B811" s="145">
        <v>2422980</v>
      </c>
      <c r="C811" s="41" t="s">
        <v>386</v>
      </c>
      <c r="D811" s="41" t="s">
        <v>396</v>
      </c>
      <c r="E811" s="42" t="s">
        <v>701</v>
      </c>
      <c r="F811" s="43" t="s">
        <v>48</v>
      </c>
    </row>
    <row r="812" spans="1:7" ht="14.65" customHeight="1">
      <c r="A812" s="67" t="s">
        <v>274</v>
      </c>
      <c r="B812" s="150">
        <v>2385287</v>
      </c>
      <c r="C812" s="68" t="s">
        <v>386</v>
      </c>
      <c r="D812" s="68" t="s">
        <v>391</v>
      </c>
      <c r="E812" s="69" t="s">
        <v>717</v>
      </c>
      <c r="F812" s="70" t="s">
        <v>48</v>
      </c>
    </row>
    <row r="813" spans="1:7" ht="14.65" customHeight="1">
      <c r="A813" s="67" t="s">
        <v>274</v>
      </c>
      <c r="B813" s="150">
        <v>2365197</v>
      </c>
      <c r="C813" s="68" t="s">
        <v>386</v>
      </c>
      <c r="D813" s="68" t="s">
        <v>397</v>
      </c>
      <c r="E813" s="72" t="s">
        <v>710</v>
      </c>
      <c r="F813" s="70" t="s">
        <v>48</v>
      </c>
    </row>
    <row r="814" spans="1:7" customFormat="1" ht="14.65" customHeight="1">
      <c r="A814" s="177" t="s">
        <v>274</v>
      </c>
      <c r="B814" s="183">
        <v>2545225</v>
      </c>
      <c r="C814" s="179" t="s">
        <v>386</v>
      </c>
      <c r="D814" s="179" t="s">
        <v>725</v>
      </c>
      <c r="E814" s="184" t="s">
        <v>695</v>
      </c>
      <c r="F814" s="182" t="s">
        <v>48</v>
      </c>
      <c r="G814" s="185"/>
    </row>
    <row r="815" spans="1:7" ht="14.65" customHeight="1">
      <c r="A815" s="40"/>
      <c r="B815" s="145"/>
      <c r="C815" s="41"/>
      <c r="D815" s="41"/>
      <c r="E815" s="42"/>
      <c r="F815" s="43"/>
    </row>
    <row r="816" spans="1:7" ht="14.65" customHeight="1">
      <c r="A816" s="40" t="s">
        <v>274</v>
      </c>
      <c r="B816" s="145">
        <v>2237925</v>
      </c>
      <c r="C816" s="41" t="s">
        <v>398</v>
      </c>
      <c r="D816" s="41" t="s">
        <v>387</v>
      </c>
      <c r="E816" s="42" t="s">
        <v>714</v>
      </c>
      <c r="F816" s="43" t="s">
        <v>48</v>
      </c>
    </row>
    <row r="817" spans="1:7" ht="14.65" customHeight="1">
      <c r="A817" s="40" t="s">
        <v>274</v>
      </c>
      <c r="B817" s="145">
        <v>2316412</v>
      </c>
      <c r="C817" s="41" t="s">
        <v>398</v>
      </c>
      <c r="D817" s="41" t="s">
        <v>388</v>
      </c>
      <c r="E817" s="42" t="s">
        <v>719</v>
      </c>
      <c r="F817" s="43" t="s">
        <v>48</v>
      </c>
    </row>
    <row r="818" spans="1:7" ht="14.65" customHeight="1">
      <c r="A818" s="40" t="s">
        <v>274</v>
      </c>
      <c r="B818" s="145">
        <v>2317087</v>
      </c>
      <c r="C818" s="41" t="s">
        <v>398</v>
      </c>
      <c r="D818" s="41" t="s">
        <v>389</v>
      </c>
      <c r="E818" s="42" t="s">
        <v>709</v>
      </c>
      <c r="F818" s="43" t="s">
        <v>48</v>
      </c>
    </row>
    <row r="819" spans="1:7" ht="14.65" customHeight="1">
      <c r="A819" s="40" t="s">
        <v>274</v>
      </c>
      <c r="B819" s="145">
        <v>2328496</v>
      </c>
      <c r="C819" s="41" t="s">
        <v>398</v>
      </c>
      <c r="D819" s="41" t="s">
        <v>390</v>
      </c>
      <c r="E819" s="42" t="s">
        <v>712</v>
      </c>
      <c r="F819" s="43" t="s">
        <v>48</v>
      </c>
    </row>
    <row r="820" spans="1:7" ht="14.65" customHeight="1">
      <c r="A820" s="40" t="s">
        <v>274</v>
      </c>
      <c r="B820" s="145">
        <v>2372398</v>
      </c>
      <c r="C820" s="41" t="s">
        <v>398</v>
      </c>
      <c r="D820" s="41" t="s">
        <v>391</v>
      </c>
      <c r="E820" s="42" t="s">
        <v>713</v>
      </c>
      <c r="F820" s="43" t="s">
        <v>48</v>
      </c>
    </row>
    <row r="821" spans="1:7" ht="14.65" customHeight="1">
      <c r="A821" s="40" t="s">
        <v>274</v>
      </c>
      <c r="B821" s="145">
        <v>2406128</v>
      </c>
      <c r="C821" s="41" t="s">
        <v>398</v>
      </c>
      <c r="D821" s="41" t="s">
        <v>393</v>
      </c>
      <c r="E821" s="42" t="s">
        <v>686</v>
      </c>
      <c r="F821" s="43" t="s">
        <v>48</v>
      </c>
    </row>
    <row r="822" spans="1:7" ht="14.65" customHeight="1">
      <c r="A822" s="40" t="s">
        <v>274</v>
      </c>
      <c r="B822" s="145">
        <v>2406837</v>
      </c>
      <c r="C822" s="41" t="s">
        <v>398</v>
      </c>
      <c r="D822" s="41" t="s">
        <v>394</v>
      </c>
      <c r="E822" s="42" t="s">
        <v>711</v>
      </c>
      <c r="F822" s="43" t="s">
        <v>48</v>
      </c>
    </row>
    <row r="823" spans="1:7" ht="14.65" customHeight="1">
      <c r="A823" s="40" t="s">
        <v>274</v>
      </c>
      <c r="B823" s="145">
        <v>2418215</v>
      </c>
      <c r="C823" s="41" t="s">
        <v>398</v>
      </c>
      <c r="D823" s="41" t="s">
        <v>395</v>
      </c>
      <c r="E823" s="42" t="s">
        <v>695</v>
      </c>
      <c r="F823" s="43" t="s">
        <v>48</v>
      </c>
    </row>
    <row r="824" spans="1:7" ht="14.65" customHeight="1">
      <c r="A824" s="40" t="s">
        <v>274</v>
      </c>
      <c r="B824" s="145">
        <v>2423006</v>
      </c>
      <c r="C824" s="41" t="s">
        <v>398</v>
      </c>
      <c r="D824" s="41" t="s">
        <v>396</v>
      </c>
      <c r="E824" s="42" t="s">
        <v>701</v>
      </c>
      <c r="F824" s="43" t="s">
        <v>48</v>
      </c>
    </row>
    <row r="825" spans="1:7" ht="14.65" customHeight="1">
      <c r="A825" s="175" t="s">
        <v>274</v>
      </c>
      <c r="B825" s="137">
        <v>2385309</v>
      </c>
      <c r="C825" s="101" t="s">
        <v>398</v>
      </c>
      <c r="D825" s="101" t="s">
        <v>391</v>
      </c>
      <c r="E825" s="176" t="s">
        <v>717</v>
      </c>
      <c r="F825" s="103" t="s">
        <v>48</v>
      </c>
      <c r="G825"/>
    </row>
    <row r="826" spans="1:7" ht="14.65" customHeight="1">
      <c r="A826" s="175" t="s">
        <v>274</v>
      </c>
      <c r="B826" s="137">
        <v>2365219</v>
      </c>
      <c r="C826" s="101" t="s">
        <v>398</v>
      </c>
      <c r="D826" s="101" t="s">
        <v>399</v>
      </c>
      <c r="E826" s="102" t="s">
        <v>710</v>
      </c>
      <c r="F826" s="103" t="s">
        <v>48</v>
      </c>
      <c r="G826"/>
    </row>
    <row r="827" spans="1:7" ht="14.65" customHeight="1">
      <c r="A827" s="177" t="s">
        <v>274</v>
      </c>
      <c r="B827" s="178">
        <v>2524848</v>
      </c>
      <c r="C827" s="179" t="s">
        <v>398</v>
      </c>
      <c r="D827" s="180" t="s">
        <v>726</v>
      </c>
      <c r="E827" s="181" t="s">
        <v>698</v>
      </c>
      <c r="F827" s="182" t="s">
        <v>48</v>
      </c>
      <c r="G827"/>
    </row>
    <row r="828" spans="1:7" ht="14.65" customHeight="1">
      <c r="A828" s="177" t="s">
        <v>274</v>
      </c>
      <c r="B828" s="183">
        <v>2545241</v>
      </c>
      <c r="C828" s="179" t="s">
        <v>398</v>
      </c>
      <c r="D828" s="179" t="s">
        <v>725</v>
      </c>
      <c r="E828" s="184" t="s">
        <v>695</v>
      </c>
      <c r="F828" s="182" t="s">
        <v>48</v>
      </c>
      <c r="G828" s="185"/>
    </row>
    <row r="829" spans="1:7" ht="14.65" customHeight="1">
      <c r="A829" s="92"/>
      <c r="B829" s="135"/>
      <c r="C829" s="93"/>
      <c r="D829" s="93"/>
      <c r="E829" s="94"/>
      <c r="F829" s="95"/>
      <c r="G829"/>
    </row>
    <row r="830" spans="1:7" ht="14.65" customHeight="1">
      <c r="A830" s="92" t="s">
        <v>274</v>
      </c>
      <c r="B830" s="135">
        <v>2237924</v>
      </c>
      <c r="C830" s="93" t="s">
        <v>400</v>
      </c>
      <c r="D830" s="93" t="s">
        <v>387</v>
      </c>
      <c r="E830" s="94" t="s">
        <v>714</v>
      </c>
      <c r="F830" s="95" t="s">
        <v>48</v>
      </c>
      <c r="G830"/>
    </row>
    <row r="831" spans="1:7" ht="14.65" customHeight="1">
      <c r="A831" s="92" t="s">
        <v>274</v>
      </c>
      <c r="B831" s="135">
        <v>2316404</v>
      </c>
      <c r="C831" s="93" t="s">
        <v>400</v>
      </c>
      <c r="D831" s="93" t="s">
        <v>388</v>
      </c>
      <c r="E831" s="94" t="s">
        <v>719</v>
      </c>
      <c r="F831" s="95" t="s">
        <v>48</v>
      </c>
      <c r="G831"/>
    </row>
    <row r="832" spans="1:7" ht="14.65" customHeight="1">
      <c r="A832" s="92" t="s">
        <v>274</v>
      </c>
      <c r="B832" s="135">
        <v>2317079</v>
      </c>
      <c r="C832" s="93" t="s">
        <v>400</v>
      </c>
      <c r="D832" s="93" t="s">
        <v>389</v>
      </c>
      <c r="E832" s="94" t="s">
        <v>709</v>
      </c>
      <c r="F832" s="95" t="s">
        <v>48</v>
      </c>
      <c r="G832"/>
    </row>
    <row r="833" spans="1:10" ht="14.65" customHeight="1">
      <c r="A833" s="92" t="s">
        <v>274</v>
      </c>
      <c r="B833" s="135">
        <v>2328488</v>
      </c>
      <c r="C833" s="93" t="s">
        <v>400</v>
      </c>
      <c r="D833" s="93" t="s">
        <v>390</v>
      </c>
      <c r="E833" s="94" t="s">
        <v>712</v>
      </c>
      <c r="F833" s="95" t="s">
        <v>48</v>
      </c>
      <c r="G833"/>
    </row>
    <row r="834" spans="1:10" ht="14.65" customHeight="1">
      <c r="A834" s="92" t="s">
        <v>274</v>
      </c>
      <c r="B834" s="135">
        <v>2372371</v>
      </c>
      <c r="C834" s="93" t="s">
        <v>400</v>
      </c>
      <c r="D834" s="93" t="s">
        <v>391</v>
      </c>
      <c r="E834" s="94" t="s">
        <v>713</v>
      </c>
      <c r="F834" s="95" t="s">
        <v>48</v>
      </c>
      <c r="G834"/>
    </row>
    <row r="835" spans="1:10" ht="14.65" customHeight="1">
      <c r="A835" s="92" t="s">
        <v>274</v>
      </c>
      <c r="B835" s="135">
        <v>2406101</v>
      </c>
      <c r="C835" s="93" t="s">
        <v>400</v>
      </c>
      <c r="D835" s="93" t="s">
        <v>393</v>
      </c>
      <c r="E835" s="94" t="s">
        <v>686</v>
      </c>
      <c r="F835" s="95" t="s">
        <v>48</v>
      </c>
      <c r="G835"/>
    </row>
    <row r="836" spans="1:10" ht="14.65" customHeight="1">
      <c r="A836" s="92" t="s">
        <v>274</v>
      </c>
      <c r="B836" s="135">
        <v>2406829</v>
      </c>
      <c r="C836" s="93" t="s">
        <v>400</v>
      </c>
      <c r="D836" s="93" t="s">
        <v>394</v>
      </c>
      <c r="E836" s="94" t="s">
        <v>711</v>
      </c>
      <c r="F836" s="95" t="s">
        <v>48</v>
      </c>
      <c r="G836"/>
    </row>
    <row r="837" spans="1:10" ht="14.65" customHeight="1">
      <c r="A837" s="92" t="s">
        <v>274</v>
      </c>
      <c r="B837" s="135">
        <v>2418207</v>
      </c>
      <c r="C837" s="93" t="s">
        <v>400</v>
      </c>
      <c r="D837" s="93" t="s">
        <v>395</v>
      </c>
      <c r="E837" s="94" t="s">
        <v>695</v>
      </c>
      <c r="F837" s="95" t="s">
        <v>48</v>
      </c>
      <c r="G837"/>
    </row>
    <row r="838" spans="1:10" ht="14.65" customHeight="1">
      <c r="A838" s="92" t="s">
        <v>274</v>
      </c>
      <c r="B838" s="135">
        <v>2422999</v>
      </c>
      <c r="C838" s="93" t="s">
        <v>400</v>
      </c>
      <c r="D838" s="93" t="s">
        <v>396</v>
      </c>
      <c r="E838" s="94" t="s">
        <v>701</v>
      </c>
      <c r="F838" s="95" t="s">
        <v>48</v>
      </c>
      <c r="G838"/>
    </row>
    <row r="839" spans="1:10" ht="14.65" customHeight="1">
      <c r="A839" s="175" t="s">
        <v>274</v>
      </c>
      <c r="B839" s="137">
        <v>2385295</v>
      </c>
      <c r="C839" s="101" t="s">
        <v>400</v>
      </c>
      <c r="D839" s="101" t="s">
        <v>391</v>
      </c>
      <c r="E839" s="176" t="s">
        <v>717</v>
      </c>
      <c r="F839" s="103" t="s">
        <v>48</v>
      </c>
      <c r="G839"/>
    </row>
    <row r="840" spans="1:10" ht="14.65" customHeight="1">
      <c r="A840" s="175" t="s">
        <v>274</v>
      </c>
      <c r="B840" s="137">
        <v>2365200</v>
      </c>
      <c r="C840" s="101" t="s">
        <v>400</v>
      </c>
      <c r="D840" s="101" t="s">
        <v>401</v>
      </c>
      <c r="E840" s="102" t="s">
        <v>710</v>
      </c>
      <c r="F840" s="103" t="s">
        <v>48</v>
      </c>
      <c r="G840"/>
    </row>
    <row r="841" spans="1:10" ht="14.65" customHeight="1">
      <c r="A841" s="177" t="s">
        <v>274</v>
      </c>
      <c r="B841" s="178">
        <v>2524821</v>
      </c>
      <c r="C841" s="179" t="s">
        <v>400</v>
      </c>
      <c r="D841" s="180" t="s">
        <v>726</v>
      </c>
      <c r="E841" s="181" t="s">
        <v>698</v>
      </c>
      <c r="F841" s="182" t="s">
        <v>48</v>
      </c>
      <c r="G841"/>
      <c r="H841"/>
      <c r="I841"/>
      <c r="J841"/>
    </row>
    <row r="842" spans="1:10" ht="14.65" customHeight="1">
      <c r="A842" s="177" t="s">
        <v>274</v>
      </c>
      <c r="B842" s="183">
        <v>2545233</v>
      </c>
      <c r="C842" s="179" t="s">
        <v>400</v>
      </c>
      <c r="D842" s="179" t="s">
        <v>725</v>
      </c>
      <c r="E842" s="184" t="s">
        <v>695</v>
      </c>
      <c r="F842" s="182" t="s">
        <v>48</v>
      </c>
      <c r="G842" s="185"/>
    </row>
    <row r="843" spans="1:10" ht="14.65" customHeight="1">
      <c r="A843" s="92"/>
      <c r="B843" s="135"/>
      <c r="C843" s="93"/>
      <c r="D843" s="93"/>
      <c r="E843" s="94"/>
      <c r="F843" s="95"/>
      <c r="G843"/>
    </row>
    <row r="844" spans="1:10" ht="14.65" customHeight="1">
      <c r="A844" s="92" t="s">
        <v>274</v>
      </c>
      <c r="B844" s="135">
        <v>2241818</v>
      </c>
      <c r="C844" s="93" t="s">
        <v>402</v>
      </c>
      <c r="D844" s="93" t="s">
        <v>403</v>
      </c>
      <c r="E844" s="94" t="s">
        <v>714</v>
      </c>
      <c r="F844" s="95" t="s">
        <v>48</v>
      </c>
      <c r="G844"/>
    </row>
    <row r="845" spans="1:10" ht="14.65" customHeight="1">
      <c r="A845" s="92" t="s">
        <v>274</v>
      </c>
      <c r="B845" s="135">
        <v>2328518</v>
      </c>
      <c r="C845" s="93" t="s">
        <v>402</v>
      </c>
      <c r="D845" s="93" t="s">
        <v>404</v>
      </c>
      <c r="E845" s="94" t="s">
        <v>709</v>
      </c>
      <c r="F845" s="95" t="s">
        <v>48</v>
      </c>
      <c r="G845"/>
    </row>
    <row r="846" spans="1:10" ht="14.65" customHeight="1">
      <c r="A846" s="40" t="s">
        <v>274</v>
      </c>
      <c r="B846" s="145">
        <v>2330512</v>
      </c>
      <c r="C846" s="41" t="s">
        <v>402</v>
      </c>
      <c r="D846" s="41" t="s">
        <v>405</v>
      </c>
      <c r="E846" s="42" t="s">
        <v>719</v>
      </c>
      <c r="F846" s="43" t="s">
        <v>48</v>
      </c>
    </row>
    <row r="847" spans="1:10" ht="14.65" customHeight="1">
      <c r="A847" s="40" t="s">
        <v>274</v>
      </c>
      <c r="B847" s="145">
        <v>2337428</v>
      </c>
      <c r="C847" s="41" t="s">
        <v>402</v>
      </c>
      <c r="D847" s="41" t="s">
        <v>406</v>
      </c>
      <c r="E847" s="42" t="s">
        <v>712</v>
      </c>
      <c r="F847" s="43" t="s">
        <v>48</v>
      </c>
    </row>
    <row r="848" spans="1:10" ht="14.65" customHeight="1">
      <c r="A848" s="40" t="s">
        <v>274</v>
      </c>
      <c r="B848" s="145">
        <v>2372886</v>
      </c>
      <c r="C848" s="41" t="s">
        <v>402</v>
      </c>
      <c r="D848" s="41" t="s">
        <v>407</v>
      </c>
      <c r="E848" s="42" t="s">
        <v>713</v>
      </c>
      <c r="F848" s="43" t="s">
        <v>48</v>
      </c>
    </row>
    <row r="849" spans="1:6" ht="14.65" customHeight="1">
      <c r="A849" s="40" t="s">
        <v>274</v>
      </c>
      <c r="B849" s="145">
        <v>2385317</v>
      </c>
      <c r="C849" s="41" t="s">
        <v>402</v>
      </c>
      <c r="D849" s="41" t="s">
        <v>408</v>
      </c>
      <c r="E849" s="42" t="s">
        <v>717</v>
      </c>
      <c r="F849" s="43" t="s">
        <v>48</v>
      </c>
    </row>
    <row r="850" spans="1:6" ht="14.65" customHeight="1">
      <c r="A850" s="40" t="s">
        <v>274</v>
      </c>
      <c r="B850" s="145">
        <v>2418223</v>
      </c>
      <c r="C850" s="41" t="s">
        <v>402</v>
      </c>
      <c r="D850" s="41" t="s">
        <v>409</v>
      </c>
      <c r="E850" s="42" t="s">
        <v>695</v>
      </c>
      <c r="F850" s="43" t="s">
        <v>48</v>
      </c>
    </row>
    <row r="851" spans="1:6" ht="14.65" customHeight="1">
      <c r="A851" s="67" t="s">
        <v>274</v>
      </c>
      <c r="B851" s="150">
        <v>2447878</v>
      </c>
      <c r="C851" s="68" t="s">
        <v>402</v>
      </c>
      <c r="D851" s="68" t="s">
        <v>410</v>
      </c>
      <c r="E851" s="69" t="s">
        <v>686</v>
      </c>
      <c r="F851" s="70" t="s">
        <v>48</v>
      </c>
    </row>
    <row r="852" spans="1:6" ht="14.65" customHeight="1">
      <c r="A852" s="40"/>
      <c r="B852" s="145"/>
      <c r="C852" s="41"/>
      <c r="D852" s="41"/>
      <c r="E852" s="42"/>
      <c r="F852" s="43"/>
    </row>
    <row r="853" spans="1:6" ht="14.65" customHeight="1">
      <c r="A853" s="40" t="s">
        <v>274</v>
      </c>
      <c r="B853" s="145">
        <v>2241819</v>
      </c>
      <c r="C853" s="41" t="s">
        <v>411</v>
      </c>
      <c r="D853" s="41" t="s">
        <v>412</v>
      </c>
      <c r="E853" s="42" t="s">
        <v>714</v>
      </c>
      <c r="F853" s="43" t="s">
        <v>48</v>
      </c>
    </row>
    <row r="854" spans="1:6" ht="14.65" customHeight="1">
      <c r="A854" s="40" t="s">
        <v>274</v>
      </c>
      <c r="B854" s="145">
        <v>2328526</v>
      </c>
      <c r="C854" s="41" t="s">
        <v>411</v>
      </c>
      <c r="D854" s="41" t="s">
        <v>404</v>
      </c>
      <c r="E854" s="42" t="s">
        <v>709</v>
      </c>
      <c r="F854" s="43" t="s">
        <v>48</v>
      </c>
    </row>
    <row r="855" spans="1:6" ht="14.65" customHeight="1">
      <c r="A855" s="40" t="s">
        <v>274</v>
      </c>
      <c r="B855" s="145">
        <v>2330520</v>
      </c>
      <c r="C855" s="41" t="s">
        <v>411</v>
      </c>
      <c r="D855" s="41" t="s">
        <v>405</v>
      </c>
      <c r="E855" s="42" t="s">
        <v>719</v>
      </c>
      <c r="F855" s="43" t="s">
        <v>48</v>
      </c>
    </row>
    <row r="856" spans="1:6" ht="14.65" customHeight="1">
      <c r="A856" s="40" t="s">
        <v>274</v>
      </c>
      <c r="B856" s="145">
        <v>2337436</v>
      </c>
      <c r="C856" s="41" t="s">
        <v>411</v>
      </c>
      <c r="D856" s="41" t="s">
        <v>406</v>
      </c>
      <c r="E856" s="42" t="s">
        <v>712</v>
      </c>
      <c r="F856" s="43" t="s">
        <v>48</v>
      </c>
    </row>
    <row r="857" spans="1:6" ht="14.65" customHeight="1">
      <c r="A857" s="40" t="s">
        <v>274</v>
      </c>
      <c r="B857" s="145">
        <v>2372894</v>
      </c>
      <c r="C857" s="41" t="s">
        <v>411</v>
      </c>
      <c r="D857" s="41" t="s">
        <v>407</v>
      </c>
      <c r="E857" s="42" t="s">
        <v>713</v>
      </c>
      <c r="F857" s="43" t="s">
        <v>48</v>
      </c>
    </row>
    <row r="858" spans="1:6" ht="14.65" customHeight="1">
      <c r="A858" s="40" t="s">
        <v>274</v>
      </c>
      <c r="B858" s="145">
        <v>2385325</v>
      </c>
      <c r="C858" s="41" t="s">
        <v>411</v>
      </c>
      <c r="D858" s="41" t="s">
        <v>408</v>
      </c>
      <c r="E858" s="42" t="s">
        <v>717</v>
      </c>
      <c r="F858" s="43" t="s">
        <v>48</v>
      </c>
    </row>
    <row r="859" spans="1:6" ht="14.65" customHeight="1">
      <c r="A859" s="40" t="s">
        <v>274</v>
      </c>
      <c r="B859" s="145">
        <v>2418231</v>
      </c>
      <c r="C859" s="41" t="s">
        <v>411</v>
      </c>
      <c r="D859" s="41" t="s">
        <v>409</v>
      </c>
      <c r="E859" s="42" t="s">
        <v>695</v>
      </c>
      <c r="F859" s="43" t="s">
        <v>48</v>
      </c>
    </row>
    <row r="860" spans="1:6" ht="14.65" customHeight="1">
      <c r="A860" s="67" t="s">
        <v>274</v>
      </c>
      <c r="B860" s="150">
        <v>2447886</v>
      </c>
      <c r="C860" s="68" t="s">
        <v>411</v>
      </c>
      <c r="D860" s="68" t="s">
        <v>410</v>
      </c>
      <c r="E860" s="69" t="s">
        <v>686</v>
      </c>
      <c r="F860" s="70" t="s">
        <v>48</v>
      </c>
    </row>
    <row r="861" spans="1:6" ht="14.65" customHeight="1">
      <c r="A861" s="40"/>
      <c r="B861" s="145"/>
      <c r="C861" s="41"/>
      <c r="D861" s="41"/>
      <c r="E861" s="42"/>
      <c r="F861" s="43"/>
    </row>
    <row r="862" spans="1:6" ht="14.65" customHeight="1">
      <c r="A862" s="40" t="s">
        <v>274</v>
      </c>
      <c r="B862" s="145">
        <v>2280213</v>
      </c>
      <c r="C862" s="41" t="s">
        <v>413</v>
      </c>
      <c r="D862" s="41" t="s">
        <v>414</v>
      </c>
      <c r="E862" s="42" t="s">
        <v>714</v>
      </c>
      <c r="F862" s="43" t="s">
        <v>48</v>
      </c>
    </row>
    <row r="863" spans="1:6" ht="14.65" customHeight="1">
      <c r="A863" s="40" t="s">
        <v>274</v>
      </c>
      <c r="B863" s="145">
        <v>2328534</v>
      </c>
      <c r="C863" s="41" t="s">
        <v>413</v>
      </c>
      <c r="D863" s="41" t="s">
        <v>404</v>
      </c>
      <c r="E863" s="42" t="s">
        <v>709</v>
      </c>
      <c r="F863" s="43" t="s">
        <v>48</v>
      </c>
    </row>
    <row r="864" spans="1:6" ht="14.65" customHeight="1">
      <c r="A864" s="40" t="s">
        <v>274</v>
      </c>
      <c r="B864" s="145">
        <v>2330539</v>
      </c>
      <c r="C864" s="41" t="s">
        <v>413</v>
      </c>
      <c r="D864" s="41" t="s">
        <v>405</v>
      </c>
      <c r="E864" s="42" t="s">
        <v>719</v>
      </c>
      <c r="F864" s="43" t="s">
        <v>48</v>
      </c>
    </row>
    <row r="865" spans="1:6" ht="14.65" customHeight="1">
      <c r="A865" s="40" t="s">
        <v>274</v>
      </c>
      <c r="B865" s="145">
        <v>2337444</v>
      </c>
      <c r="C865" s="41" t="s">
        <v>413</v>
      </c>
      <c r="D865" s="41" t="s">
        <v>406</v>
      </c>
      <c r="E865" s="42" t="s">
        <v>712</v>
      </c>
      <c r="F865" s="43" t="s">
        <v>48</v>
      </c>
    </row>
    <row r="866" spans="1:6" ht="14.65" customHeight="1">
      <c r="A866" s="40" t="s">
        <v>274</v>
      </c>
      <c r="B866" s="145">
        <v>2372908</v>
      </c>
      <c r="C866" s="41" t="s">
        <v>413</v>
      </c>
      <c r="D866" s="41" t="s">
        <v>407</v>
      </c>
      <c r="E866" s="42" t="s">
        <v>713</v>
      </c>
      <c r="F866" s="43" t="s">
        <v>48</v>
      </c>
    </row>
    <row r="867" spans="1:6" ht="14.65" customHeight="1">
      <c r="A867" s="40" t="s">
        <v>274</v>
      </c>
      <c r="B867" s="145">
        <v>2385333</v>
      </c>
      <c r="C867" s="41" t="s">
        <v>413</v>
      </c>
      <c r="D867" s="41" t="s">
        <v>408</v>
      </c>
      <c r="E867" s="42" t="s">
        <v>717</v>
      </c>
      <c r="F867" s="43" t="s">
        <v>48</v>
      </c>
    </row>
    <row r="868" spans="1:6" ht="14.65" customHeight="1">
      <c r="A868" s="40" t="s">
        <v>274</v>
      </c>
      <c r="B868" s="145">
        <v>2418258</v>
      </c>
      <c r="C868" s="41" t="s">
        <v>413</v>
      </c>
      <c r="D868" s="41" t="s">
        <v>409</v>
      </c>
      <c r="E868" s="42" t="s">
        <v>695</v>
      </c>
      <c r="F868" s="43" t="s">
        <v>48</v>
      </c>
    </row>
    <row r="869" spans="1:6" ht="14.65" customHeight="1">
      <c r="A869" s="67" t="s">
        <v>274</v>
      </c>
      <c r="B869" s="150">
        <v>2447894</v>
      </c>
      <c r="C869" s="68" t="s">
        <v>413</v>
      </c>
      <c r="D869" s="68" t="s">
        <v>410</v>
      </c>
      <c r="E869" s="69" t="s">
        <v>686</v>
      </c>
      <c r="F869" s="70" t="s">
        <v>48</v>
      </c>
    </row>
    <row r="870" spans="1:6" ht="14.65" customHeight="1">
      <c r="A870" s="40"/>
      <c r="B870" s="145"/>
      <c r="C870" s="41"/>
      <c r="D870" s="41"/>
      <c r="E870" s="42"/>
      <c r="F870" s="43"/>
    </row>
    <row r="871" spans="1:6" ht="14.65" customHeight="1">
      <c r="A871" s="40" t="s">
        <v>274</v>
      </c>
      <c r="B871" s="145">
        <v>2318660</v>
      </c>
      <c r="C871" s="74" t="s">
        <v>415</v>
      </c>
      <c r="D871" s="41" t="s">
        <v>416</v>
      </c>
      <c r="E871" s="44" t="s">
        <v>700</v>
      </c>
      <c r="F871" s="43" t="s">
        <v>48</v>
      </c>
    </row>
    <row r="872" spans="1:6" ht="14.65" customHeight="1">
      <c r="A872" s="40" t="s">
        <v>274</v>
      </c>
      <c r="B872" s="145">
        <v>2461641</v>
      </c>
      <c r="C872" s="74" t="s">
        <v>415</v>
      </c>
      <c r="D872" s="41" t="s">
        <v>417</v>
      </c>
      <c r="E872" s="75" t="s">
        <v>695</v>
      </c>
      <c r="F872" s="43" t="s">
        <v>48</v>
      </c>
    </row>
    <row r="873" spans="1:6" ht="14.65" customHeight="1">
      <c r="A873" s="40" t="s">
        <v>274</v>
      </c>
      <c r="B873" s="145">
        <v>2442191</v>
      </c>
      <c r="C873" s="74" t="s">
        <v>415</v>
      </c>
      <c r="D873" s="41" t="s">
        <v>418</v>
      </c>
      <c r="E873" s="75" t="s">
        <v>682</v>
      </c>
      <c r="F873" s="43" t="s">
        <v>48</v>
      </c>
    </row>
    <row r="874" spans="1:6" ht="14.65" customHeight="1">
      <c r="A874" s="40" t="s">
        <v>274</v>
      </c>
      <c r="B874" s="145">
        <v>2443864</v>
      </c>
      <c r="C874" s="74" t="s">
        <v>415</v>
      </c>
      <c r="D874" s="41" t="s">
        <v>419</v>
      </c>
      <c r="E874" s="75" t="s">
        <v>686</v>
      </c>
      <c r="F874" s="43" t="s">
        <v>48</v>
      </c>
    </row>
    <row r="875" spans="1:6" ht="14.65" customHeight="1">
      <c r="A875" s="40" t="s">
        <v>274</v>
      </c>
      <c r="B875" s="145">
        <v>2453452</v>
      </c>
      <c r="C875" s="74" t="s">
        <v>415</v>
      </c>
      <c r="D875" s="41" t="s">
        <v>420</v>
      </c>
      <c r="E875" s="75" t="s">
        <v>683</v>
      </c>
      <c r="F875" s="43" t="s">
        <v>48</v>
      </c>
    </row>
    <row r="876" spans="1:6" ht="14.65" customHeight="1">
      <c r="A876" s="40" t="s">
        <v>274</v>
      </c>
      <c r="B876" s="145">
        <v>2443414</v>
      </c>
      <c r="C876" s="74" t="s">
        <v>415</v>
      </c>
      <c r="D876" s="41" t="s">
        <v>421</v>
      </c>
      <c r="E876" s="75" t="s">
        <v>712</v>
      </c>
      <c r="F876" s="43" t="s">
        <v>48</v>
      </c>
    </row>
    <row r="877" spans="1:6" ht="14.65" customHeight="1">
      <c r="A877" s="40" t="s">
        <v>274</v>
      </c>
      <c r="B877" s="145">
        <v>2461307</v>
      </c>
      <c r="C877" s="74" t="s">
        <v>415</v>
      </c>
      <c r="D877" s="41" t="s">
        <v>422</v>
      </c>
      <c r="E877" s="75" t="s">
        <v>709</v>
      </c>
      <c r="F877" s="43" t="s">
        <v>48</v>
      </c>
    </row>
    <row r="878" spans="1:6" ht="14.65" customHeight="1">
      <c r="A878" s="50" t="s">
        <v>274</v>
      </c>
      <c r="B878" s="148">
        <v>2481057</v>
      </c>
      <c r="C878" s="76" t="s">
        <v>415</v>
      </c>
      <c r="D878" s="77" t="s">
        <v>599</v>
      </c>
      <c r="E878" s="75" t="s">
        <v>713</v>
      </c>
      <c r="F878" s="43" t="s">
        <v>48</v>
      </c>
    </row>
    <row r="879" spans="1:6" ht="14.65" customHeight="1">
      <c r="A879" s="50" t="s">
        <v>274</v>
      </c>
      <c r="B879" s="146">
        <v>2456311</v>
      </c>
      <c r="C879" s="43" t="s">
        <v>415</v>
      </c>
      <c r="D879" s="46" t="s">
        <v>615</v>
      </c>
      <c r="E879" s="60" t="s">
        <v>681</v>
      </c>
      <c r="F879" s="43" t="s">
        <v>48</v>
      </c>
    </row>
    <row r="880" spans="1:6" ht="14.65" customHeight="1">
      <c r="A880" s="50" t="s">
        <v>274</v>
      </c>
      <c r="B880" s="146">
        <v>2469812</v>
      </c>
      <c r="C880" s="43" t="s">
        <v>415</v>
      </c>
      <c r="D880" s="46" t="s">
        <v>616</v>
      </c>
      <c r="E880" s="60" t="s">
        <v>693</v>
      </c>
      <c r="F880" s="43" t="s">
        <v>48</v>
      </c>
    </row>
    <row r="881" spans="1:6" ht="14.65" customHeight="1">
      <c r="A881" s="50" t="s">
        <v>274</v>
      </c>
      <c r="B881" s="146">
        <v>2499258</v>
      </c>
      <c r="C881" s="43" t="s">
        <v>415</v>
      </c>
      <c r="D881" s="43" t="s">
        <v>626</v>
      </c>
      <c r="E881" s="51" t="s">
        <v>705</v>
      </c>
      <c r="F881" s="43" t="s">
        <v>48</v>
      </c>
    </row>
    <row r="882" spans="1:6" ht="14.65" customHeight="1">
      <c r="A882" s="50" t="s">
        <v>274</v>
      </c>
      <c r="B882" s="147">
        <v>2505185</v>
      </c>
      <c r="C882" s="46" t="s">
        <v>415</v>
      </c>
      <c r="D882" s="46" t="s">
        <v>649</v>
      </c>
      <c r="E882" s="54" t="s">
        <v>708</v>
      </c>
      <c r="F882" s="43" t="s">
        <v>48</v>
      </c>
    </row>
    <row r="883" spans="1:6" ht="14.65" customHeight="1">
      <c r="A883" s="40"/>
      <c r="B883" s="145"/>
      <c r="C883" s="74"/>
      <c r="D883" s="41"/>
      <c r="E883" s="44"/>
      <c r="F883" s="43"/>
    </row>
    <row r="884" spans="1:6" ht="14.65" customHeight="1">
      <c r="A884" s="40" t="s">
        <v>274</v>
      </c>
      <c r="B884" s="145">
        <v>2318679</v>
      </c>
      <c r="C884" s="74" t="s">
        <v>423</v>
      </c>
      <c r="D884" s="41" t="s">
        <v>416</v>
      </c>
      <c r="E884" s="44" t="s">
        <v>700</v>
      </c>
      <c r="F884" s="43" t="s">
        <v>48</v>
      </c>
    </row>
    <row r="885" spans="1:6" ht="14.65" customHeight="1">
      <c r="A885" s="40" t="s">
        <v>274</v>
      </c>
      <c r="B885" s="152">
        <v>2442205</v>
      </c>
      <c r="C885" s="74" t="s">
        <v>423</v>
      </c>
      <c r="D885" s="78" t="s">
        <v>418</v>
      </c>
      <c r="E885" s="75" t="s">
        <v>682</v>
      </c>
      <c r="F885" s="43" t="s">
        <v>48</v>
      </c>
    </row>
    <row r="886" spans="1:6" ht="14.65" customHeight="1">
      <c r="A886" s="40" t="s">
        <v>274</v>
      </c>
      <c r="B886" s="152">
        <v>2461668</v>
      </c>
      <c r="C886" s="74" t="s">
        <v>423</v>
      </c>
      <c r="D886" s="78" t="s">
        <v>417</v>
      </c>
      <c r="E886" s="75" t="s">
        <v>695</v>
      </c>
      <c r="F886" s="43" t="s">
        <v>48</v>
      </c>
    </row>
    <row r="887" spans="1:6" ht="14.65" customHeight="1">
      <c r="A887" s="40" t="s">
        <v>274</v>
      </c>
      <c r="B887" s="152">
        <v>2443872</v>
      </c>
      <c r="C887" s="74" t="s">
        <v>423</v>
      </c>
      <c r="D887" s="78" t="s">
        <v>419</v>
      </c>
      <c r="E887" s="75" t="s">
        <v>686</v>
      </c>
      <c r="F887" s="43" t="s">
        <v>48</v>
      </c>
    </row>
    <row r="888" spans="1:6" ht="14.65" customHeight="1">
      <c r="A888" s="40" t="s">
        <v>274</v>
      </c>
      <c r="B888" s="152">
        <v>2453460</v>
      </c>
      <c r="C888" s="74" t="s">
        <v>423</v>
      </c>
      <c r="D888" s="78" t="s">
        <v>420</v>
      </c>
      <c r="E888" s="75" t="s">
        <v>683</v>
      </c>
      <c r="F888" s="43" t="s">
        <v>48</v>
      </c>
    </row>
    <row r="889" spans="1:6" ht="14.65" customHeight="1">
      <c r="A889" s="40" t="s">
        <v>274</v>
      </c>
      <c r="B889" s="152">
        <v>2443422</v>
      </c>
      <c r="C889" s="74" t="s">
        <v>423</v>
      </c>
      <c r="D889" s="78" t="s">
        <v>421</v>
      </c>
      <c r="E889" s="75" t="s">
        <v>712</v>
      </c>
      <c r="F889" s="43" t="s">
        <v>48</v>
      </c>
    </row>
    <row r="890" spans="1:6" ht="14.65" customHeight="1">
      <c r="A890" s="40" t="s">
        <v>274</v>
      </c>
      <c r="B890" s="152">
        <v>2461315</v>
      </c>
      <c r="C890" s="74" t="s">
        <v>423</v>
      </c>
      <c r="D890" s="78" t="s">
        <v>422</v>
      </c>
      <c r="E890" s="75" t="s">
        <v>709</v>
      </c>
      <c r="F890" s="43" t="s">
        <v>48</v>
      </c>
    </row>
    <row r="891" spans="1:6" ht="14.65" customHeight="1">
      <c r="A891" s="45" t="s">
        <v>274</v>
      </c>
      <c r="B891" s="146">
        <v>2481065</v>
      </c>
      <c r="C891" s="43" t="s">
        <v>423</v>
      </c>
      <c r="D891" s="43" t="s">
        <v>599</v>
      </c>
      <c r="E891" s="60" t="s">
        <v>713</v>
      </c>
      <c r="F891" s="43" t="s">
        <v>48</v>
      </c>
    </row>
    <row r="892" spans="1:6" ht="14.65" customHeight="1">
      <c r="A892" s="50" t="s">
        <v>274</v>
      </c>
      <c r="B892" s="146">
        <v>2456338</v>
      </c>
      <c r="C892" s="43" t="s">
        <v>423</v>
      </c>
      <c r="D892" s="46" t="s">
        <v>615</v>
      </c>
      <c r="E892" s="60" t="s">
        <v>681</v>
      </c>
      <c r="F892" s="43" t="s">
        <v>48</v>
      </c>
    </row>
    <row r="893" spans="1:6" ht="14.65" customHeight="1">
      <c r="A893" s="50" t="s">
        <v>274</v>
      </c>
      <c r="B893" s="146">
        <v>2469820</v>
      </c>
      <c r="C893" s="43" t="s">
        <v>423</v>
      </c>
      <c r="D893" s="46" t="s">
        <v>616</v>
      </c>
      <c r="E893" s="60" t="s">
        <v>693</v>
      </c>
      <c r="F893" s="43" t="s">
        <v>48</v>
      </c>
    </row>
    <row r="894" spans="1:6" ht="14.65" customHeight="1">
      <c r="A894" s="50" t="s">
        <v>274</v>
      </c>
      <c r="B894" s="146">
        <v>2499266</v>
      </c>
      <c r="C894" s="43" t="s">
        <v>423</v>
      </c>
      <c r="D894" s="43" t="s">
        <v>626</v>
      </c>
      <c r="E894" s="51" t="s">
        <v>705</v>
      </c>
      <c r="F894" s="43" t="s">
        <v>48</v>
      </c>
    </row>
    <row r="895" spans="1:6" ht="14.65" customHeight="1">
      <c r="A895" s="50" t="s">
        <v>274</v>
      </c>
      <c r="B895" s="147">
        <v>2505193</v>
      </c>
      <c r="C895" s="46" t="s">
        <v>423</v>
      </c>
      <c r="D895" s="46" t="s">
        <v>649</v>
      </c>
      <c r="E895" s="54" t="s">
        <v>708</v>
      </c>
      <c r="F895" s="43" t="s">
        <v>48</v>
      </c>
    </row>
    <row r="896" spans="1:6" ht="14.65" customHeight="1">
      <c r="A896" s="40"/>
      <c r="B896" s="152"/>
      <c r="C896" s="74"/>
      <c r="D896" s="41"/>
      <c r="E896" s="42"/>
      <c r="F896" s="43"/>
    </row>
    <row r="897" spans="1:6" ht="14.65" customHeight="1">
      <c r="A897" s="40" t="s">
        <v>274</v>
      </c>
      <c r="B897" s="145">
        <v>2319616</v>
      </c>
      <c r="C897" s="74" t="s">
        <v>424</v>
      </c>
      <c r="D897" s="41" t="s">
        <v>425</v>
      </c>
      <c r="E897" s="44" t="s">
        <v>700</v>
      </c>
      <c r="F897" s="43" t="s">
        <v>48</v>
      </c>
    </row>
    <row r="898" spans="1:6" ht="14.65" customHeight="1">
      <c r="A898" s="40" t="s">
        <v>274</v>
      </c>
      <c r="B898" s="152">
        <v>2453606</v>
      </c>
      <c r="C898" s="74" t="s">
        <v>424</v>
      </c>
      <c r="D898" s="78" t="s">
        <v>426</v>
      </c>
      <c r="E898" s="75" t="s">
        <v>683</v>
      </c>
      <c r="F898" s="43" t="s">
        <v>48</v>
      </c>
    </row>
    <row r="899" spans="1:6" ht="14.65" customHeight="1">
      <c r="A899" s="40" t="s">
        <v>274</v>
      </c>
      <c r="B899" s="152">
        <v>2443112</v>
      </c>
      <c r="C899" s="74" t="s">
        <v>424</v>
      </c>
      <c r="D899" s="78" t="s">
        <v>427</v>
      </c>
      <c r="E899" s="75" t="s">
        <v>682</v>
      </c>
      <c r="F899" s="43" t="s">
        <v>48</v>
      </c>
    </row>
    <row r="900" spans="1:6" ht="14.65" customHeight="1">
      <c r="A900" s="40" t="s">
        <v>274</v>
      </c>
      <c r="B900" s="152">
        <v>2468948</v>
      </c>
      <c r="C900" s="74" t="s">
        <v>424</v>
      </c>
      <c r="D900" s="78" t="s">
        <v>602</v>
      </c>
      <c r="E900" s="75" t="s">
        <v>681</v>
      </c>
      <c r="F900" s="43" t="s">
        <v>48</v>
      </c>
    </row>
    <row r="901" spans="1:6" ht="14.65" customHeight="1">
      <c r="A901" s="50" t="s">
        <v>274</v>
      </c>
      <c r="B901" s="146">
        <v>2476487</v>
      </c>
      <c r="C901" s="43" t="s">
        <v>424</v>
      </c>
      <c r="D901" s="46" t="s">
        <v>613</v>
      </c>
      <c r="E901" s="75" t="s">
        <v>686</v>
      </c>
      <c r="F901" s="43" t="s">
        <v>48</v>
      </c>
    </row>
    <row r="902" spans="1:6" ht="14.65" customHeight="1">
      <c r="A902" s="50" t="s">
        <v>274</v>
      </c>
      <c r="B902" s="146">
        <v>2475707</v>
      </c>
      <c r="C902" s="43" t="s">
        <v>424</v>
      </c>
      <c r="D902" s="46" t="s">
        <v>628</v>
      </c>
      <c r="E902" s="60" t="s">
        <v>693</v>
      </c>
      <c r="F902" s="43" t="s">
        <v>48</v>
      </c>
    </row>
    <row r="903" spans="1:6" ht="14.65" customHeight="1">
      <c r="A903" s="50" t="s">
        <v>274</v>
      </c>
      <c r="B903" s="146">
        <v>2509601</v>
      </c>
      <c r="C903" s="43" t="s">
        <v>424</v>
      </c>
      <c r="D903" s="46" t="s">
        <v>644</v>
      </c>
      <c r="E903" s="54" t="s">
        <v>713</v>
      </c>
      <c r="F903" s="43" t="s">
        <v>48</v>
      </c>
    </row>
    <row r="904" spans="1:6" ht="14.65" customHeight="1">
      <c r="A904" s="50" t="s">
        <v>274</v>
      </c>
      <c r="B904" s="146">
        <v>2508273</v>
      </c>
      <c r="C904" s="43" t="s">
        <v>424</v>
      </c>
      <c r="D904" s="46" t="s">
        <v>648</v>
      </c>
      <c r="E904" s="54" t="s">
        <v>703</v>
      </c>
      <c r="F904" s="43" t="s">
        <v>48</v>
      </c>
    </row>
    <row r="905" spans="1:6" ht="14.65" customHeight="1">
      <c r="A905" s="50" t="s">
        <v>274</v>
      </c>
      <c r="B905" s="146">
        <v>2526468</v>
      </c>
      <c r="C905" s="43" t="s">
        <v>424</v>
      </c>
      <c r="D905" s="46" t="s">
        <v>666</v>
      </c>
      <c r="E905" s="54" t="s">
        <v>708</v>
      </c>
      <c r="F905" s="43" t="s">
        <v>48</v>
      </c>
    </row>
    <row r="906" spans="1:6" ht="14.65" customHeight="1">
      <c r="A906" s="40"/>
      <c r="B906" s="145"/>
      <c r="C906" s="74"/>
      <c r="D906" s="41"/>
      <c r="E906" s="44"/>
      <c r="F906" s="43"/>
    </row>
    <row r="907" spans="1:6" ht="14.65" customHeight="1">
      <c r="A907" s="40" t="s">
        <v>274</v>
      </c>
      <c r="B907" s="145">
        <v>2319624</v>
      </c>
      <c r="C907" s="74" t="s">
        <v>428</v>
      </c>
      <c r="D907" s="41" t="s">
        <v>425</v>
      </c>
      <c r="E907" s="44" t="s">
        <v>700</v>
      </c>
      <c r="F907" s="43" t="s">
        <v>48</v>
      </c>
    </row>
    <row r="908" spans="1:6" ht="14.65" customHeight="1">
      <c r="A908" s="40" t="s">
        <v>274</v>
      </c>
      <c r="B908" s="152">
        <v>2453614</v>
      </c>
      <c r="C908" s="74" t="s">
        <v>428</v>
      </c>
      <c r="D908" s="78" t="s">
        <v>426</v>
      </c>
      <c r="E908" s="75" t="s">
        <v>683</v>
      </c>
      <c r="F908" s="43" t="s">
        <v>48</v>
      </c>
    </row>
    <row r="909" spans="1:6" ht="14.65" customHeight="1">
      <c r="A909" s="40" t="s">
        <v>274</v>
      </c>
      <c r="B909" s="152">
        <v>2443120</v>
      </c>
      <c r="C909" s="74" t="s">
        <v>428</v>
      </c>
      <c r="D909" s="78" t="s">
        <v>427</v>
      </c>
      <c r="E909" s="75" t="s">
        <v>682</v>
      </c>
      <c r="F909" s="43" t="s">
        <v>48</v>
      </c>
    </row>
    <row r="910" spans="1:6" ht="14.65" customHeight="1">
      <c r="A910" s="40" t="s">
        <v>274</v>
      </c>
      <c r="B910" s="152">
        <v>2468956</v>
      </c>
      <c r="C910" s="74" t="s">
        <v>428</v>
      </c>
      <c r="D910" s="78" t="s">
        <v>602</v>
      </c>
      <c r="E910" s="75" t="s">
        <v>681</v>
      </c>
      <c r="F910" s="43" t="s">
        <v>48</v>
      </c>
    </row>
    <row r="911" spans="1:6" ht="14.65" customHeight="1">
      <c r="A911" s="50" t="s">
        <v>274</v>
      </c>
      <c r="B911" s="146">
        <v>2476495</v>
      </c>
      <c r="C911" s="43" t="s">
        <v>614</v>
      </c>
      <c r="D911" s="46" t="s">
        <v>613</v>
      </c>
      <c r="E911" s="75" t="s">
        <v>686</v>
      </c>
      <c r="F911" s="43" t="s">
        <v>48</v>
      </c>
    </row>
    <row r="912" spans="1:6" ht="14.65" customHeight="1">
      <c r="A912" s="50" t="s">
        <v>274</v>
      </c>
      <c r="B912" s="146">
        <v>2475715</v>
      </c>
      <c r="C912" s="43" t="s">
        <v>614</v>
      </c>
      <c r="D912" s="46" t="s">
        <v>628</v>
      </c>
      <c r="E912" s="60" t="s">
        <v>693</v>
      </c>
      <c r="F912" s="43" t="s">
        <v>48</v>
      </c>
    </row>
    <row r="913" spans="1:6" ht="14.65" customHeight="1">
      <c r="A913" s="50" t="s">
        <v>274</v>
      </c>
      <c r="B913" s="146">
        <v>2509636</v>
      </c>
      <c r="C913" s="43" t="s">
        <v>614</v>
      </c>
      <c r="D913" s="46" t="s">
        <v>644</v>
      </c>
      <c r="E913" s="54" t="s">
        <v>713</v>
      </c>
      <c r="F913" s="43" t="s">
        <v>48</v>
      </c>
    </row>
    <row r="914" spans="1:6" ht="14.65" customHeight="1">
      <c r="A914" s="50" t="s">
        <v>274</v>
      </c>
      <c r="B914" s="146">
        <v>2508281</v>
      </c>
      <c r="C914" s="43" t="s">
        <v>614</v>
      </c>
      <c r="D914" s="46" t="s">
        <v>648</v>
      </c>
      <c r="E914" s="54" t="s">
        <v>703</v>
      </c>
      <c r="F914" s="43" t="s">
        <v>48</v>
      </c>
    </row>
    <row r="915" spans="1:6" ht="14.65" customHeight="1">
      <c r="A915" s="50" t="s">
        <v>274</v>
      </c>
      <c r="B915" s="146">
        <v>2526476</v>
      </c>
      <c r="C915" s="43" t="s">
        <v>614</v>
      </c>
      <c r="D915" s="46" t="s">
        <v>666</v>
      </c>
      <c r="E915" s="54" t="s">
        <v>708</v>
      </c>
      <c r="F915" s="43" t="s">
        <v>48</v>
      </c>
    </row>
    <row r="916" spans="1:6" ht="14.65" customHeight="1">
      <c r="A916" s="40"/>
      <c r="B916" s="145"/>
      <c r="C916" s="74"/>
      <c r="D916" s="41"/>
      <c r="E916" s="44"/>
      <c r="F916" s="43"/>
    </row>
    <row r="917" spans="1:6" ht="14.65" customHeight="1">
      <c r="A917" s="40" t="s">
        <v>274</v>
      </c>
      <c r="B917" s="145">
        <v>2319632</v>
      </c>
      <c r="C917" s="74" t="s">
        <v>429</v>
      </c>
      <c r="D917" s="41" t="s">
        <v>425</v>
      </c>
      <c r="E917" s="44" t="s">
        <v>700</v>
      </c>
      <c r="F917" s="43" t="s">
        <v>48</v>
      </c>
    </row>
    <row r="918" spans="1:6" ht="14.65" customHeight="1">
      <c r="A918" s="40" t="s">
        <v>274</v>
      </c>
      <c r="B918" s="152">
        <v>2453622</v>
      </c>
      <c r="C918" s="74" t="s">
        <v>429</v>
      </c>
      <c r="D918" s="78" t="s">
        <v>426</v>
      </c>
      <c r="E918" s="75" t="s">
        <v>683</v>
      </c>
      <c r="F918" s="43" t="s">
        <v>48</v>
      </c>
    </row>
    <row r="919" spans="1:6" ht="14.65" customHeight="1">
      <c r="A919" s="40" t="s">
        <v>274</v>
      </c>
      <c r="B919" s="152">
        <v>2443139</v>
      </c>
      <c r="C919" s="74" t="s">
        <v>429</v>
      </c>
      <c r="D919" s="78" t="s">
        <v>427</v>
      </c>
      <c r="E919" s="75" t="s">
        <v>682</v>
      </c>
      <c r="F919" s="43" t="s">
        <v>48</v>
      </c>
    </row>
    <row r="920" spans="1:6" ht="14.65" customHeight="1">
      <c r="A920" s="40" t="s">
        <v>274</v>
      </c>
      <c r="B920" s="152">
        <v>2468964</v>
      </c>
      <c r="C920" s="74" t="s">
        <v>429</v>
      </c>
      <c r="D920" s="78" t="s">
        <v>602</v>
      </c>
      <c r="E920" s="75" t="s">
        <v>681</v>
      </c>
      <c r="F920" s="43" t="s">
        <v>48</v>
      </c>
    </row>
    <row r="921" spans="1:6" ht="14.65" customHeight="1">
      <c r="A921" s="50" t="s">
        <v>274</v>
      </c>
      <c r="B921" s="146">
        <v>2476509</v>
      </c>
      <c r="C921" s="43" t="s">
        <v>429</v>
      </c>
      <c r="D921" s="46" t="s">
        <v>613</v>
      </c>
      <c r="E921" s="75" t="s">
        <v>686</v>
      </c>
      <c r="F921" s="43" t="s">
        <v>48</v>
      </c>
    </row>
    <row r="922" spans="1:6" ht="14.65" customHeight="1">
      <c r="A922" s="50" t="s">
        <v>274</v>
      </c>
      <c r="B922" s="146">
        <v>2475723</v>
      </c>
      <c r="C922" s="46" t="s">
        <v>429</v>
      </c>
      <c r="D922" s="46" t="s">
        <v>628</v>
      </c>
      <c r="E922" s="60" t="s">
        <v>693</v>
      </c>
      <c r="F922" s="43" t="s">
        <v>48</v>
      </c>
    </row>
    <row r="923" spans="1:6" ht="14.65" customHeight="1">
      <c r="A923" s="50" t="s">
        <v>274</v>
      </c>
      <c r="B923" s="147">
        <v>2509628</v>
      </c>
      <c r="C923" s="46" t="s">
        <v>429</v>
      </c>
      <c r="D923" s="46" t="s">
        <v>644</v>
      </c>
      <c r="E923" s="54" t="s">
        <v>713</v>
      </c>
      <c r="F923" s="43" t="s">
        <v>48</v>
      </c>
    </row>
    <row r="924" spans="1:6" ht="14.65" customHeight="1">
      <c r="A924" s="50" t="s">
        <v>274</v>
      </c>
      <c r="B924" s="147">
        <v>2508303</v>
      </c>
      <c r="C924" s="46" t="s">
        <v>429</v>
      </c>
      <c r="D924" s="46" t="s">
        <v>648</v>
      </c>
      <c r="E924" s="54" t="s">
        <v>703</v>
      </c>
      <c r="F924" s="43" t="s">
        <v>48</v>
      </c>
    </row>
    <row r="925" spans="1:6" ht="14.65" customHeight="1">
      <c r="A925" s="50" t="s">
        <v>274</v>
      </c>
      <c r="B925" s="147">
        <v>2526484</v>
      </c>
      <c r="C925" s="46" t="s">
        <v>429</v>
      </c>
      <c r="D925" s="46" t="s">
        <v>666</v>
      </c>
      <c r="E925" s="54" t="s">
        <v>708</v>
      </c>
      <c r="F925" s="43" t="s">
        <v>48</v>
      </c>
    </row>
    <row r="926" spans="1:6" ht="14.65" customHeight="1">
      <c r="A926" s="40"/>
      <c r="B926" s="145"/>
      <c r="C926" s="74"/>
      <c r="D926" s="41"/>
      <c r="E926" s="42"/>
      <c r="F926" s="43"/>
    </row>
    <row r="927" spans="1:6" s="29" customFormat="1" ht="14.65" customHeight="1">
      <c r="A927" s="203" t="s">
        <v>632</v>
      </c>
      <c r="B927" s="205" t="s">
        <v>430</v>
      </c>
      <c r="C927" s="205"/>
      <c r="D927" s="205"/>
      <c r="E927" s="205"/>
      <c r="F927" s="205"/>
    </row>
    <row r="928" spans="1:6" s="29" customFormat="1" ht="14.65" customHeight="1">
      <c r="A928" s="203"/>
      <c r="B928" s="205"/>
      <c r="C928" s="205"/>
      <c r="D928" s="205"/>
      <c r="E928" s="205"/>
      <c r="F928" s="205"/>
    </row>
    <row r="929" spans="1:6">
      <c r="A929" s="27"/>
      <c r="B929" s="166"/>
      <c r="C929" s="16"/>
      <c r="D929" s="16"/>
      <c r="E929" s="37"/>
      <c r="F929" s="16"/>
    </row>
    <row r="930" spans="1:6">
      <c r="A930" s="201" t="s">
        <v>431</v>
      </c>
      <c r="B930" s="201"/>
      <c r="C930" s="201"/>
      <c r="D930" s="201"/>
      <c r="E930" s="35"/>
      <c r="F930" s="131" t="s">
        <v>11</v>
      </c>
    </row>
    <row r="931" spans="1:6" ht="24.75">
      <c r="A931" s="201"/>
      <c r="B931" s="201"/>
      <c r="C931" s="201"/>
      <c r="D931" s="201"/>
      <c r="E931" s="36"/>
      <c r="F931" s="21" t="s">
        <v>432</v>
      </c>
    </row>
    <row r="932" spans="1:6" ht="14.65" customHeight="1">
      <c r="A932" s="40" t="s">
        <v>433</v>
      </c>
      <c r="B932" s="145">
        <v>2230711</v>
      </c>
      <c r="C932" s="41" t="s">
        <v>434</v>
      </c>
      <c r="D932" s="41" t="s">
        <v>435</v>
      </c>
      <c r="E932" s="42" t="s">
        <v>707</v>
      </c>
      <c r="F932" s="43" t="s">
        <v>16</v>
      </c>
    </row>
    <row r="933" spans="1:6" ht="14.65" customHeight="1">
      <c r="A933" s="40" t="s">
        <v>433</v>
      </c>
      <c r="B933" s="145">
        <v>2295261</v>
      </c>
      <c r="C933" s="41" t="s">
        <v>434</v>
      </c>
      <c r="D933" s="41" t="s">
        <v>436</v>
      </c>
      <c r="E933" s="42" t="s">
        <v>683</v>
      </c>
      <c r="F933" s="43" t="s">
        <v>16</v>
      </c>
    </row>
    <row r="934" spans="1:6" ht="14.65" customHeight="1">
      <c r="A934" s="40" t="s">
        <v>433</v>
      </c>
      <c r="B934" s="145">
        <v>2310899</v>
      </c>
      <c r="C934" s="41" t="s">
        <v>434</v>
      </c>
      <c r="D934" s="41" t="s">
        <v>437</v>
      </c>
      <c r="E934" s="42" t="s">
        <v>682</v>
      </c>
      <c r="F934" s="43" t="s">
        <v>16</v>
      </c>
    </row>
    <row r="935" spans="1:6" ht="14.65" customHeight="1">
      <c r="A935" s="40" t="s">
        <v>433</v>
      </c>
      <c r="B935" s="145">
        <v>2313707</v>
      </c>
      <c r="C935" s="41" t="s">
        <v>434</v>
      </c>
      <c r="D935" s="41" t="s">
        <v>438</v>
      </c>
      <c r="E935" s="42" t="s">
        <v>711</v>
      </c>
      <c r="F935" s="43" t="s">
        <v>16</v>
      </c>
    </row>
    <row r="936" spans="1:6" ht="14.65" customHeight="1">
      <c r="A936" s="40" t="s">
        <v>433</v>
      </c>
      <c r="B936" s="145">
        <v>2324946</v>
      </c>
      <c r="C936" s="41" t="s">
        <v>434</v>
      </c>
      <c r="D936" s="41" t="s">
        <v>439</v>
      </c>
      <c r="E936" s="42" t="s">
        <v>712</v>
      </c>
      <c r="F936" s="43" t="s">
        <v>16</v>
      </c>
    </row>
    <row r="937" spans="1:6" ht="14.65" customHeight="1">
      <c r="A937" s="40" t="s">
        <v>433</v>
      </c>
      <c r="B937" s="145">
        <v>2391058</v>
      </c>
      <c r="C937" s="41" t="s">
        <v>434</v>
      </c>
      <c r="D937" s="41" t="s">
        <v>440</v>
      </c>
      <c r="E937" s="42" t="s">
        <v>695</v>
      </c>
      <c r="F937" s="43" t="s">
        <v>16</v>
      </c>
    </row>
    <row r="938" spans="1:6" ht="14.65" customHeight="1">
      <c r="A938" s="40" t="s">
        <v>433</v>
      </c>
      <c r="B938" s="145">
        <v>2392933</v>
      </c>
      <c r="C938" s="41" t="s">
        <v>434</v>
      </c>
      <c r="D938" s="41" t="s">
        <v>441</v>
      </c>
      <c r="E938" s="42" t="s">
        <v>702</v>
      </c>
      <c r="F938" s="43" t="s">
        <v>16</v>
      </c>
    </row>
    <row r="939" spans="1:6" ht="14.65" customHeight="1">
      <c r="A939" s="40" t="s">
        <v>433</v>
      </c>
      <c r="B939" s="145">
        <v>2407256</v>
      </c>
      <c r="C939" s="41" t="s">
        <v>434</v>
      </c>
      <c r="D939" s="41" t="s">
        <v>443</v>
      </c>
      <c r="E939" s="42" t="s">
        <v>686</v>
      </c>
      <c r="F939" s="43" t="s">
        <v>16</v>
      </c>
    </row>
    <row r="940" spans="1:6" ht="14.65" customHeight="1">
      <c r="A940" s="40" t="s">
        <v>433</v>
      </c>
      <c r="B940" s="145">
        <v>2411350</v>
      </c>
      <c r="C940" s="41" t="s">
        <v>434</v>
      </c>
      <c r="D940" s="41" t="s">
        <v>444</v>
      </c>
      <c r="E940" s="42" t="s">
        <v>717</v>
      </c>
      <c r="F940" s="43" t="s">
        <v>16</v>
      </c>
    </row>
    <row r="941" spans="1:6" ht="14.65" customHeight="1">
      <c r="A941" s="40" t="s">
        <v>433</v>
      </c>
      <c r="B941" s="145">
        <v>2417936</v>
      </c>
      <c r="C941" s="41" t="s">
        <v>434</v>
      </c>
      <c r="D941" s="41" t="s">
        <v>445</v>
      </c>
      <c r="E941" s="42" t="s">
        <v>692</v>
      </c>
      <c r="F941" s="43" t="s">
        <v>16</v>
      </c>
    </row>
    <row r="942" spans="1:6" ht="14.65" customHeight="1">
      <c r="A942" s="40" t="s">
        <v>433</v>
      </c>
      <c r="B942" s="145">
        <v>2454017</v>
      </c>
      <c r="C942" s="41" t="s">
        <v>434</v>
      </c>
      <c r="D942" s="41" t="s">
        <v>446</v>
      </c>
      <c r="E942" s="44" t="s">
        <v>699</v>
      </c>
      <c r="F942" s="43" t="s">
        <v>16</v>
      </c>
    </row>
    <row r="943" spans="1:6" ht="14.65" customHeight="1">
      <c r="A943" s="40" t="s">
        <v>433</v>
      </c>
      <c r="B943" s="145">
        <v>2346486</v>
      </c>
      <c r="C943" s="41" t="s">
        <v>434</v>
      </c>
      <c r="D943" s="41" t="s">
        <v>447</v>
      </c>
      <c r="E943" s="44" t="s">
        <v>710</v>
      </c>
      <c r="F943" s="43" t="s">
        <v>16</v>
      </c>
    </row>
    <row r="944" spans="1:6" ht="14.65" customHeight="1">
      <c r="A944" s="40" t="s">
        <v>433</v>
      </c>
      <c r="B944" s="146">
        <v>2457741</v>
      </c>
      <c r="C944" s="46" t="s">
        <v>434</v>
      </c>
      <c r="D944" s="46" t="s">
        <v>448</v>
      </c>
      <c r="E944" s="42" t="s">
        <v>681</v>
      </c>
      <c r="F944" s="43" t="s">
        <v>16</v>
      </c>
    </row>
    <row r="945" spans="1:7" ht="14.65" customHeight="1">
      <c r="A945" s="47" t="s">
        <v>433</v>
      </c>
      <c r="B945" s="153">
        <v>2479508</v>
      </c>
      <c r="C945" s="48" t="s">
        <v>434</v>
      </c>
      <c r="D945" s="48" t="s">
        <v>601</v>
      </c>
      <c r="E945" s="49" t="s">
        <v>701</v>
      </c>
      <c r="F945" s="48" t="s">
        <v>16</v>
      </c>
    </row>
    <row r="946" spans="1:7" ht="14.65" customHeight="1">
      <c r="A946" s="47" t="s">
        <v>433</v>
      </c>
      <c r="B946" s="153">
        <v>2477149</v>
      </c>
      <c r="C946" s="48" t="s">
        <v>434</v>
      </c>
      <c r="D946" s="48" t="s">
        <v>442</v>
      </c>
      <c r="E946" s="49" t="s">
        <v>709</v>
      </c>
      <c r="F946" s="48" t="s">
        <v>16</v>
      </c>
    </row>
    <row r="947" spans="1:7" ht="14.65" customHeight="1">
      <c r="A947" s="50" t="s">
        <v>433</v>
      </c>
      <c r="B947" s="146">
        <v>2476517</v>
      </c>
      <c r="C947" s="43" t="s">
        <v>434</v>
      </c>
      <c r="D947" s="43" t="s">
        <v>625</v>
      </c>
      <c r="E947" s="51" t="s">
        <v>705</v>
      </c>
      <c r="F947" s="52" t="s">
        <v>16</v>
      </c>
    </row>
    <row r="948" spans="1:7" ht="14.65" customHeight="1">
      <c r="A948" s="50" t="s">
        <v>433</v>
      </c>
      <c r="B948" s="147">
        <v>2475022</v>
      </c>
      <c r="C948" s="46" t="s">
        <v>434</v>
      </c>
      <c r="D948" s="46" t="s">
        <v>643</v>
      </c>
      <c r="E948" s="54" t="s">
        <v>697</v>
      </c>
      <c r="F948" s="52" t="s">
        <v>16</v>
      </c>
    </row>
    <row r="949" spans="1:7" ht="14.65" customHeight="1">
      <c r="A949" s="50" t="s">
        <v>433</v>
      </c>
      <c r="B949" s="147">
        <v>2471167</v>
      </c>
      <c r="C949" s="46" t="s">
        <v>434</v>
      </c>
      <c r="D949" s="46" t="s">
        <v>647</v>
      </c>
      <c r="E949" s="54" t="s">
        <v>698</v>
      </c>
      <c r="F949" s="52" t="s">
        <v>16</v>
      </c>
    </row>
    <row r="950" spans="1:7" ht="14.65" customHeight="1">
      <c r="A950" s="50" t="s">
        <v>433</v>
      </c>
      <c r="B950" s="147">
        <v>2348705</v>
      </c>
      <c r="C950" s="46" t="s">
        <v>434</v>
      </c>
      <c r="D950" s="46" t="s">
        <v>655</v>
      </c>
      <c r="E950" s="54" t="s">
        <v>713</v>
      </c>
      <c r="F950" s="52" t="s">
        <v>16</v>
      </c>
    </row>
    <row r="951" spans="1:7" ht="14.65" customHeight="1">
      <c r="A951" s="50" t="s">
        <v>433</v>
      </c>
      <c r="B951" s="147">
        <v>2504197</v>
      </c>
      <c r="C951" s="46" t="s">
        <v>434</v>
      </c>
      <c r="D951" s="46" t="s">
        <v>656</v>
      </c>
      <c r="E951" s="54" t="s">
        <v>695</v>
      </c>
      <c r="F951" s="52" t="s">
        <v>16</v>
      </c>
    </row>
    <row r="952" spans="1:7" ht="14.65" customHeight="1">
      <c r="A952" s="55" t="s">
        <v>433</v>
      </c>
      <c r="B952" s="154">
        <v>2507234</v>
      </c>
      <c r="C952" s="56" t="s">
        <v>434</v>
      </c>
      <c r="D952" s="56" t="s">
        <v>654</v>
      </c>
      <c r="E952" s="57" t="s">
        <v>709</v>
      </c>
      <c r="F952" s="58" t="s">
        <v>16</v>
      </c>
    </row>
    <row r="953" spans="1:7" ht="14.65" customHeight="1">
      <c r="A953" s="55" t="s">
        <v>433</v>
      </c>
      <c r="B953" s="154">
        <v>2521555</v>
      </c>
      <c r="C953" s="56" t="s">
        <v>434</v>
      </c>
      <c r="D953" s="56" t="s">
        <v>664</v>
      </c>
      <c r="E953" s="57" t="s">
        <v>708</v>
      </c>
      <c r="F953" s="58" t="s">
        <v>16</v>
      </c>
    </row>
    <row r="954" spans="1:7" customFormat="1" ht="14.65" customHeight="1">
      <c r="A954" s="177" t="s">
        <v>433</v>
      </c>
      <c r="B954" s="139">
        <v>2545462</v>
      </c>
      <c r="C954" s="112" t="s">
        <v>434</v>
      </c>
      <c r="D954" s="112" t="s">
        <v>643</v>
      </c>
      <c r="E954" s="113" t="s">
        <v>719</v>
      </c>
      <c r="F954" s="182" t="s">
        <v>16</v>
      </c>
      <c r="G954" s="185"/>
    </row>
    <row r="955" spans="1:7" ht="14.65" customHeight="1">
      <c r="A955" s="40"/>
      <c r="B955" s="149"/>
      <c r="C955" s="46"/>
      <c r="D955" s="46"/>
      <c r="E955" s="42"/>
      <c r="F955" s="43"/>
    </row>
    <row r="956" spans="1:7" ht="14.65" customHeight="1">
      <c r="A956" s="40" t="s">
        <v>433</v>
      </c>
      <c r="B956" s="145">
        <v>2230713</v>
      </c>
      <c r="C956" s="41" t="s">
        <v>449</v>
      </c>
      <c r="D956" s="41" t="s">
        <v>435</v>
      </c>
      <c r="E956" s="42" t="s">
        <v>707</v>
      </c>
      <c r="F956" s="43" t="s">
        <v>16</v>
      </c>
    </row>
    <row r="957" spans="1:7" ht="14.65" customHeight="1">
      <c r="A957" s="40" t="s">
        <v>433</v>
      </c>
      <c r="B957" s="145">
        <v>2295288</v>
      </c>
      <c r="C957" s="41" t="s">
        <v>449</v>
      </c>
      <c r="D957" s="41" t="s">
        <v>436</v>
      </c>
      <c r="E957" s="42" t="s">
        <v>683</v>
      </c>
      <c r="F957" s="43" t="s">
        <v>16</v>
      </c>
    </row>
    <row r="958" spans="1:7" ht="14.65" customHeight="1">
      <c r="A958" s="40" t="s">
        <v>433</v>
      </c>
      <c r="B958" s="145">
        <v>2310902</v>
      </c>
      <c r="C958" s="41" t="s">
        <v>449</v>
      </c>
      <c r="D958" s="41" t="s">
        <v>437</v>
      </c>
      <c r="E958" s="42" t="s">
        <v>682</v>
      </c>
      <c r="F958" s="43" t="s">
        <v>16</v>
      </c>
    </row>
    <row r="959" spans="1:7" ht="14.65" customHeight="1">
      <c r="A959" s="40" t="s">
        <v>433</v>
      </c>
      <c r="B959" s="145">
        <v>2313715</v>
      </c>
      <c r="C959" s="41" t="s">
        <v>449</v>
      </c>
      <c r="D959" s="41" t="s">
        <v>438</v>
      </c>
      <c r="E959" s="42" t="s">
        <v>711</v>
      </c>
      <c r="F959" s="43" t="s">
        <v>16</v>
      </c>
    </row>
    <row r="960" spans="1:7" ht="14.65" customHeight="1">
      <c r="A960" s="40" t="s">
        <v>433</v>
      </c>
      <c r="B960" s="145">
        <v>2324954</v>
      </c>
      <c r="C960" s="41" t="s">
        <v>449</v>
      </c>
      <c r="D960" s="41" t="s">
        <v>439</v>
      </c>
      <c r="E960" s="42" t="s">
        <v>712</v>
      </c>
      <c r="F960" s="43" t="s">
        <v>16</v>
      </c>
    </row>
    <row r="961" spans="1:6" ht="14.65" customHeight="1">
      <c r="A961" s="40" t="s">
        <v>433</v>
      </c>
      <c r="B961" s="145">
        <v>2391066</v>
      </c>
      <c r="C961" s="41" t="s">
        <v>449</v>
      </c>
      <c r="D961" s="41" t="s">
        <v>440</v>
      </c>
      <c r="E961" s="42" t="s">
        <v>695</v>
      </c>
      <c r="F961" s="43" t="s">
        <v>16</v>
      </c>
    </row>
    <row r="962" spans="1:6" ht="14.65" customHeight="1">
      <c r="A962" s="40" t="s">
        <v>433</v>
      </c>
      <c r="B962" s="145">
        <v>2392941</v>
      </c>
      <c r="C962" s="41" t="s">
        <v>449</v>
      </c>
      <c r="D962" s="41" t="s">
        <v>441</v>
      </c>
      <c r="E962" s="42" t="s">
        <v>702</v>
      </c>
      <c r="F962" s="43" t="s">
        <v>16</v>
      </c>
    </row>
    <row r="963" spans="1:6" ht="14.65" customHeight="1">
      <c r="A963" s="40" t="s">
        <v>433</v>
      </c>
      <c r="B963" s="145">
        <v>2407264</v>
      </c>
      <c r="C963" s="41" t="s">
        <v>449</v>
      </c>
      <c r="D963" s="41" t="s">
        <v>443</v>
      </c>
      <c r="E963" s="42" t="s">
        <v>686</v>
      </c>
      <c r="F963" s="43" t="s">
        <v>16</v>
      </c>
    </row>
    <row r="964" spans="1:6" ht="14.65" customHeight="1">
      <c r="A964" s="40" t="s">
        <v>433</v>
      </c>
      <c r="B964" s="145">
        <v>2411369</v>
      </c>
      <c r="C964" s="41" t="s">
        <v>449</v>
      </c>
      <c r="D964" s="41" t="s">
        <v>450</v>
      </c>
      <c r="E964" s="42" t="s">
        <v>717</v>
      </c>
      <c r="F964" s="43" t="s">
        <v>16</v>
      </c>
    </row>
    <row r="965" spans="1:6" ht="14.65" customHeight="1">
      <c r="A965" s="40" t="s">
        <v>433</v>
      </c>
      <c r="B965" s="145">
        <v>2417944</v>
      </c>
      <c r="C965" s="41" t="s">
        <v>449</v>
      </c>
      <c r="D965" s="41" t="s">
        <v>445</v>
      </c>
      <c r="E965" s="42" t="s">
        <v>692</v>
      </c>
      <c r="F965" s="43" t="s">
        <v>16</v>
      </c>
    </row>
    <row r="966" spans="1:6" ht="14.65" customHeight="1">
      <c r="A966" s="40" t="s">
        <v>433</v>
      </c>
      <c r="B966" s="145">
        <v>2454025</v>
      </c>
      <c r="C966" s="41" t="s">
        <v>449</v>
      </c>
      <c r="D966" s="41" t="s">
        <v>446</v>
      </c>
      <c r="E966" s="44" t="s">
        <v>699</v>
      </c>
      <c r="F966" s="43" t="s">
        <v>16</v>
      </c>
    </row>
    <row r="967" spans="1:6" ht="14.65" customHeight="1">
      <c r="A967" s="40" t="s">
        <v>433</v>
      </c>
      <c r="B967" s="145">
        <v>2346494</v>
      </c>
      <c r="C967" s="41" t="s">
        <v>449</v>
      </c>
      <c r="D967" s="41" t="s">
        <v>451</v>
      </c>
      <c r="E967" s="44" t="s">
        <v>710</v>
      </c>
      <c r="F967" s="43" t="s">
        <v>16</v>
      </c>
    </row>
    <row r="968" spans="1:6" ht="14.65" customHeight="1">
      <c r="A968" s="40" t="s">
        <v>433</v>
      </c>
      <c r="B968" s="145">
        <v>2457768</v>
      </c>
      <c r="C968" s="41" t="s">
        <v>449</v>
      </c>
      <c r="D968" s="41" t="s">
        <v>448</v>
      </c>
      <c r="E968" s="42" t="s">
        <v>681</v>
      </c>
      <c r="F968" s="43" t="s">
        <v>16</v>
      </c>
    </row>
    <row r="969" spans="1:6" ht="14.65" customHeight="1">
      <c r="A969" s="45" t="s">
        <v>433</v>
      </c>
      <c r="B969" s="146">
        <v>2479516</v>
      </c>
      <c r="C969" s="43" t="s">
        <v>449</v>
      </c>
      <c r="D969" s="43" t="s">
        <v>601</v>
      </c>
      <c r="E969" s="59" t="s">
        <v>701</v>
      </c>
      <c r="F969" s="43" t="s">
        <v>16</v>
      </c>
    </row>
    <row r="970" spans="1:6" ht="14.65" customHeight="1">
      <c r="A970" s="45" t="s">
        <v>433</v>
      </c>
      <c r="B970" s="146">
        <v>2477157</v>
      </c>
      <c r="C970" s="43" t="s">
        <v>449</v>
      </c>
      <c r="D970" s="43" t="s">
        <v>442</v>
      </c>
      <c r="E970" s="59" t="s">
        <v>709</v>
      </c>
      <c r="F970" s="43" t="s">
        <v>16</v>
      </c>
    </row>
    <row r="971" spans="1:6" ht="14.65" customHeight="1">
      <c r="A971" s="50" t="s">
        <v>433</v>
      </c>
      <c r="B971" s="146">
        <v>2476525</v>
      </c>
      <c r="C971" s="43" t="s">
        <v>449</v>
      </c>
      <c r="D971" s="43" t="s">
        <v>625</v>
      </c>
      <c r="E971" s="51" t="s">
        <v>705</v>
      </c>
      <c r="F971" s="52" t="s">
        <v>16</v>
      </c>
    </row>
    <row r="972" spans="1:6" ht="14.65" customHeight="1">
      <c r="A972" s="50" t="s">
        <v>433</v>
      </c>
      <c r="B972" s="147">
        <v>2475030</v>
      </c>
      <c r="C972" s="46" t="s">
        <v>449</v>
      </c>
      <c r="D972" s="46" t="s">
        <v>643</v>
      </c>
      <c r="E972" s="54" t="s">
        <v>697</v>
      </c>
      <c r="F972" s="52" t="s">
        <v>16</v>
      </c>
    </row>
    <row r="973" spans="1:6" ht="14.65" customHeight="1">
      <c r="A973" s="50" t="s">
        <v>433</v>
      </c>
      <c r="B973" s="147">
        <v>2471175</v>
      </c>
      <c r="C973" s="46" t="s">
        <v>449</v>
      </c>
      <c r="D973" s="46" t="s">
        <v>647</v>
      </c>
      <c r="E973" s="54" t="s">
        <v>698</v>
      </c>
      <c r="F973" s="52" t="s">
        <v>16</v>
      </c>
    </row>
    <row r="974" spans="1:6" ht="14.65" customHeight="1">
      <c r="A974" s="50" t="s">
        <v>433</v>
      </c>
      <c r="B974" s="147">
        <v>2348713</v>
      </c>
      <c r="C974" s="46" t="s">
        <v>449</v>
      </c>
      <c r="D974" s="46" t="s">
        <v>655</v>
      </c>
      <c r="E974" s="54" t="s">
        <v>713</v>
      </c>
      <c r="F974" s="52" t="s">
        <v>16</v>
      </c>
    </row>
    <row r="975" spans="1:6" ht="14.65" customHeight="1">
      <c r="A975" s="50" t="s">
        <v>433</v>
      </c>
      <c r="B975" s="147">
        <v>2504200</v>
      </c>
      <c r="C975" s="46" t="s">
        <v>449</v>
      </c>
      <c r="D975" s="46" t="s">
        <v>656</v>
      </c>
      <c r="E975" s="54" t="s">
        <v>695</v>
      </c>
      <c r="F975" s="52" t="s">
        <v>16</v>
      </c>
    </row>
    <row r="976" spans="1:6" ht="14.65" customHeight="1">
      <c r="A976" s="50" t="s">
        <v>433</v>
      </c>
      <c r="B976" s="147">
        <v>2507242</v>
      </c>
      <c r="C976" s="46" t="s">
        <v>449</v>
      </c>
      <c r="D976" s="46" t="s">
        <v>654</v>
      </c>
      <c r="E976" s="54" t="s">
        <v>709</v>
      </c>
      <c r="F976" s="52" t="s">
        <v>16</v>
      </c>
    </row>
    <row r="977" spans="1:7" ht="14.65" customHeight="1">
      <c r="A977" s="50" t="s">
        <v>433</v>
      </c>
      <c r="B977" s="147">
        <v>2521563</v>
      </c>
      <c r="C977" s="46" t="s">
        <v>449</v>
      </c>
      <c r="D977" s="46" t="s">
        <v>664</v>
      </c>
      <c r="E977" s="54" t="s">
        <v>708</v>
      </c>
      <c r="F977" s="52" t="s">
        <v>16</v>
      </c>
    </row>
    <row r="978" spans="1:7" customFormat="1" ht="14.65" customHeight="1">
      <c r="A978" s="104" t="s">
        <v>433</v>
      </c>
      <c r="B978" s="143">
        <v>2545470</v>
      </c>
      <c r="C978" s="98" t="s">
        <v>449</v>
      </c>
      <c r="D978" s="98" t="s">
        <v>643</v>
      </c>
      <c r="E978" s="105" t="s">
        <v>719</v>
      </c>
      <c r="F978" s="199" t="s">
        <v>16</v>
      </c>
      <c r="G978" s="185"/>
    </row>
    <row r="979" spans="1:7" ht="14.65" customHeight="1">
      <c r="A979" s="40"/>
      <c r="B979" s="145"/>
      <c r="C979" s="41"/>
      <c r="D979" s="41"/>
      <c r="E979" s="42"/>
      <c r="F979" s="43"/>
    </row>
    <row r="980" spans="1:7" ht="14.65" customHeight="1">
      <c r="A980" s="40" t="s">
        <v>433</v>
      </c>
      <c r="B980" s="145">
        <v>2230714</v>
      </c>
      <c r="C980" s="41" t="s">
        <v>452</v>
      </c>
      <c r="D980" s="41" t="s">
        <v>435</v>
      </c>
      <c r="E980" s="42" t="s">
        <v>707</v>
      </c>
      <c r="F980" s="43" t="s">
        <v>16</v>
      </c>
    </row>
    <row r="981" spans="1:7" ht="14.65" customHeight="1">
      <c r="A981" s="40" t="s">
        <v>433</v>
      </c>
      <c r="B981" s="145">
        <v>2295296</v>
      </c>
      <c r="C981" s="41" t="s">
        <v>452</v>
      </c>
      <c r="D981" s="41" t="s">
        <v>436</v>
      </c>
      <c r="E981" s="42" t="s">
        <v>683</v>
      </c>
      <c r="F981" s="43" t="s">
        <v>16</v>
      </c>
    </row>
    <row r="982" spans="1:7" ht="14.65" customHeight="1">
      <c r="A982" s="40" t="s">
        <v>433</v>
      </c>
      <c r="B982" s="145">
        <v>2310910</v>
      </c>
      <c r="C982" s="41" t="s">
        <v>452</v>
      </c>
      <c r="D982" s="41" t="s">
        <v>437</v>
      </c>
      <c r="E982" s="42" t="s">
        <v>682</v>
      </c>
      <c r="F982" s="43" t="s">
        <v>16</v>
      </c>
    </row>
    <row r="983" spans="1:7" ht="14.65" customHeight="1">
      <c r="A983" s="40" t="s">
        <v>433</v>
      </c>
      <c r="B983" s="145">
        <v>2313723</v>
      </c>
      <c r="C983" s="41" t="s">
        <v>452</v>
      </c>
      <c r="D983" s="41" t="s">
        <v>438</v>
      </c>
      <c r="E983" s="42" t="s">
        <v>711</v>
      </c>
      <c r="F983" s="43" t="s">
        <v>16</v>
      </c>
    </row>
    <row r="984" spans="1:7" ht="14.65" customHeight="1">
      <c r="A984" s="40" t="s">
        <v>433</v>
      </c>
      <c r="B984" s="145">
        <v>2324962</v>
      </c>
      <c r="C984" s="41" t="s">
        <v>452</v>
      </c>
      <c r="D984" s="41" t="s">
        <v>439</v>
      </c>
      <c r="E984" s="42" t="s">
        <v>712</v>
      </c>
      <c r="F984" s="43" t="s">
        <v>16</v>
      </c>
    </row>
    <row r="985" spans="1:7" ht="14.65" customHeight="1">
      <c r="A985" s="40" t="s">
        <v>433</v>
      </c>
      <c r="B985" s="145">
        <v>2391074</v>
      </c>
      <c r="C985" s="41" t="s">
        <v>452</v>
      </c>
      <c r="D985" s="41" t="s">
        <v>440</v>
      </c>
      <c r="E985" s="42" t="s">
        <v>695</v>
      </c>
      <c r="F985" s="43" t="s">
        <v>16</v>
      </c>
    </row>
    <row r="986" spans="1:7" ht="14.65" customHeight="1">
      <c r="A986" s="40" t="s">
        <v>433</v>
      </c>
      <c r="B986" s="145">
        <v>2392968</v>
      </c>
      <c r="C986" s="41" t="s">
        <v>452</v>
      </c>
      <c r="D986" s="41" t="s">
        <v>441</v>
      </c>
      <c r="E986" s="42" t="s">
        <v>702</v>
      </c>
      <c r="F986" s="43" t="s">
        <v>16</v>
      </c>
    </row>
    <row r="987" spans="1:7" ht="14.65" customHeight="1">
      <c r="A987" s="40" t="s">
        <v>433</v>
      </c>
      <c r="B987" s="145">
        <v>2407272</v>
      </c>
      <c r="C987" s="41" t="s">
        <v>452</v>
      </c>
      <c r="D987" s="41" t="s">
        <v>443</v>
      </c>
      <c r="E987" s="42" t="s">
        <v>686</v>
      </c>
      <c r="F987" s="43" t="s">
        <v>16</v>
      </c>
    </row>
    <row r="988" spans="1:7" ht="14.65" customHeight="1">
      <c r="A988" s="40" t="s">
        <v>433</v>
      </c>
      <c r="B988" s="145">
        <v>2411377</v>
      </c>
      <c r="C988" s="41" t="s">
        <v>452</v>
      </c>
      <c r="D988" s="41" t="s">
        <v>453</v>
      </c>
      <c r="E988" s="42" t="s">
        <v>717</v>
      </c>
      <c r="F988" s="43" t="s">
        <v>16</v>
      </c>
    </row>
    <row r="989" spans="1:7" ht="14.65" customHeight="1">
      <c r="A989" s="40" t="s">
        <v>433</v>
      </c>
      <c r="B989" s="145">
        <v>2417952</v>
      </c>
      <c r="C989" s="41" t="s">
        <v>452</v>
      </c>
      <c r="D989" s="41" t="s">
        <v>445</v>
      </c>
      <c r="E989" s="42" t="s">
        <v>692</v>
      </c>
      <c r="F989" s="43" t="s">
        <v>16</v>
      </c>
    </row>
    <row r="990" spans="1:7" ht="14.65" customHeight="1">
      <c r="A990" s="40" t="s">
        <v>433</v>
      </c>
      <c r="B990" s="145">
        <v>2346508</v>
      </c>
      <c r="C990" s="41" t="s">
        <v>452</v>
      </c>
      <c r="D990" s="41" t="s">
        <v>454</v>
      </c>
      <c r="E990" s="44" t="s">
        <v>710</v>
      </c>
      <c r="F990" s="43" t="s">
        <v>16</v>
      </c>
    </row>
    <row r="991" spans="1:7" ht="14.65" customHeight="1">
      <c r="A991" s="40" t="s">
        <v>433</v>
      </c>
      <c r="B991" s="145">
        <v>2454033</v>
      </c>
      <c r="C991" s="41" t="s">
        <v>452</v>
      </c>
      <c r="D991" s="41" t="s">
        <v>455</v>
      </c>
      <c r="E991" s="44" t="s">
        <v>699</v>
      </c>
      <c r="F991" s="43" t="s">
        <v>16</v>
      </c>
    </row>
    <row r="992" spans="1:7" ht="14.65" customHeight="1">
      <c r="A992" s="40" t="s">
        <v>433</v>
      </c>
      <c r="B992" s="145">
        <v>2457776</v>
      </c>
      <c r="C992" s="41" t="s">
        <v>452</v>
      </c>
      <c r="D992" s="41" t="s">
        <v>448</v>
      </c>
      <c r="E992" s="42" t="s">
        <v>681</v>
      </c>
      <c r="F992" s="43" t="s">
        <v>16</v>
      </c>
    </row>
    <row r="993" spans="1:7" ht="14.65" customHeight="1">
      <c r="A993" s="45" t="s">
        <v>433</v>
      </c>
      <c r="B993" s="146">
        <v>2479524</v>
      </c>
      <c r="C993" s="43" t="s">
        <v>452</v>
      </c>
      <c r="D993" s="43" t="s">
        <v>601</v>
      </c>
      <c r="E993" s="59" t="s">
        <v>701</v>
      </c>
      <c r="F993" s="43" t="s">
        <v>16</v>
      </c>
    </row>
    <row r="994" spans="1:7" ht="14.65" customHeight="1">
      <c r="A994" s="45" t="s">
        <v>433</v>
      </c>
      <c r="B994" s="146">
        <v>2477165</v>
      </c>
      <c r="C994" s="43" t="s">
        <v>452</v>
      </c>
      <c r="D994" s="43" t="s">
        <v>442</v>
      </c>
      <c r="E994" s="59" t="s">
        <v>709</v>
      </c>
      <c r="F994" s="43" t="s">
        <v>16</v>
      </c>
    </row>
    <row r="995" spans="1:7" ht="14.65" customHeight="1">
      <c r="A995" s="50" t="s">
        <v>433</v>
      </c>
      <c r="B995" s="146">
        <v>2476533</v>
      </c>
      <c r="C995" s="43" t="s">
        <v>452</v>
      </c>
      <c r="D995" s="43" t="s">
        <v>625</v>
      </c>
      <c r="E995" s="51" t="s">
        <v>705</v>
      </c>
      <c r="F995" s="52" t="s">
        <v>16</v>
      </c>
    </row>
    <row r="996" spans="1:7" ht="14.65" customHeight="1">
      <c r="A996" s="50" t="s">
        <v>433</v>
      </c>
      <c r="B996" s="147">
        <v>2475049</v>
      </c>
      <c r="C996" s="46" t="s">
        <v>452</v>
      </c>
      <c r="D996" s="46" t="s">
        <v>643</v>
      </c>
      <c r="E996" s="54" t="s">
        <v>697</v>
      </c>
      <c r="F996" s="52" t="s">
        <v>16</v>
      </c>
    </row>
    <row r="997" spans="1:7" ht="14.65" customHeight="1">
      <c r="A997" s="50" t="s">
        <v>433</v>
      </c>
      <c r="B997" s="147">
        <v>2471183</v>
      </c>
      <c r="C997" s="46" t="s">
        <v>452</v>
      </c>
      <c r="D997" s="46" t="s">
        <v>647</v>
      </c>
      <c r="E997" s="54" t="s">
        <v>698</v>
      </c>
      <c r="F997" s="52" t="s">
        <v>16</v>
      </c>
    </row>
    <row r="998" spans="1:7" ht="14.65" customHeight="1">
      <c r="A998" s="50" t="s">
        <v>433</v>
      </c>
      <c r="B998" s="147">
        <v>2348721</v>
      </c>
      <c r="C998" s="46" t="s">
        <v>452</v>
      </c>
      <c r="D998" s="46" t="s">
        <v>655</v>
      </c>
      <c r="E998" s="54" t="s">
        <v>713</v>
      </c>
      <c r="F998" s="52" t="s">
        <v>16</v>
      </c>
    </row>
    <row r="999" spans="1:7" ht="14.65" customHeight="1">
      <c r="A999" s="50" t="s">
        <v>433</v>
      </c>
      <c r="B999" s="147">
        <v>2504219</v>
      </c>
      <c r="C999" s="46" t="s">
        <v>452</v>
      </c>
      <c r="D999" s="46" t="s">
        <v>656</v>
      </c>
      <c r="E999" s="54" t="s">
        <v>695</v>
      </c>
      <c r="F999" s="52" t="s">
        <v>16</v>
      </c>
    </row>
    <row r="1000" spans="1:7" ht="14.65" customHeight="1">
      <c r="A1000" s="50" t="s">
        <v>433</v>
      </c>
      <c r="B1000" s="147">
        <v>2507250</v>
      </c>
      <c r="C1000" s="46" t="s">
        <v>452</v>
      </c>
      <c r="D1000" s="46" t="s">
        <v>654</v>
      </c>
      <c r="E1000" s="54" t="s">
        <v>709</v>
      </c>
      <c r="F1000" s="52" t="s">
        <v>16</v>
      </c>
    </row>
    <row r="1001" spans="1:7" ht="14.65" customHeight="1">
      <c r="A1001" s="50" t="s">
        <v>433</v>
      </c>
      <c r="B1001" s="147">
        <v>2521571</v>
      </c>
      <c r="C1001" s="46" t="s">
        <v>452</v>
      </c>
      <c r="D1001" s="46" t="s">
        <v>664</v>
      </c>
      <c r="E1001" s="54" t="s">
        <v>708</v>
      </c>
      <c r="F1001" s="52" t="s">
        <v>16</v>
      </c>
    </row>
    <row r="1002" spans="1:7" customFormat="1" ht="14.65" customHeight="1">
      <c r="A1002" s="104" t="s">
        <v>433</v>
      </c>
      <c r="B1002" s="143">
        <v>2545489</v>
      </c>
      <c r="C1002" s="98" t="s">
        <v>452</v>
      </c>
      <c r="D1002" s="98" t="s">
        <v>643</v>
      </c>
      <c r="E1002" s="105" t="s">
        <v>719</v>
      </c>
      <c r="F1002" s="199" t="s">
        <v>16</v>
      </c>
      <c r="G1002" s="185"/>
    </row>
    <row r="1003" spans="1:7" ht="14.65" customHeight="1">
      <c r="A1003" s="40"/>
      <c r="B1003" s="145"/>
      <c r="C1003" s="41"/>
      <c r="D1003" s="41"/>
      <c r="E1003" s="42"/>
      <c r="F1003" s="43"/>
    </row>
    <row r="1004" spans="1:7" ht="14.65" customHeight="1">
      <c r="A1004" s="40" t="s">
        <v>433</v>
      </c>
      <c r="B1004" s="145">
        <v>2243097</v>
      </c>
      <c r="C1004" s="41" t="s">
        <v>456</v>
      </c>
      <c r="D1004" s="41" t="s">
        <v>435</v>
      </c>
      <c r="E1004" s="42" t="s">
        <v>707</v>
      </c>
      <c r="F1004" s="43" t="s">
        <v>16</v>
      </c>
    </row>
    <row r="1005" spans="1:7" ht="14.65" customHeight="1">
      <c r="A1005" s="40" t="s">
        <v>433</v>
      </c>
      <c r="B1005" s="145">
        <v>2295318</v>
      </c>
      <c r="C1005" s="41" t="s">
        <v>456</v>
      </c>
      <c r="D1005" s="41" t="s">
        <v>436</v>
      </c>
      <c r="E1005" s="42" t="s">
        <v>683</v>
      </c>
      <c r="F1005" s="43" t="s">
        <v>16</v>
      </c>
    </row>
    <row r="1006" spans="1:7" ht="14.65" customHeight="1">
      <c r="A1006" s="40" t="s">
        <v>433</v>
      </c>
      <c r="B1006" s="145">
        <v>2310929</v>
      </c>
      <c r="C1006" s="41" t="s">
        <v>456</v>
      </c>
      <c r="D1006" s="41" t="s">
        <v>437</v>
      </c>
      <c r="E1006" s="42" t="s">
        <v>682</v>
      </c>
      <c r="F1006" s="43" t="s">
        <v>16</v>
      </c>
    </row>
    <row r="1007" spans="1:7" ht="14.65" customHeight="1">
      <c r="A1007" s="40" t="s">
        <v>433</v>
      </c>
      <c r="B1007" s="145">
        <v>2313758</v>
      </c>
      <c r="C1007" s="41" t="s">
        <v>456</v>
      </c>
      <c r="D1007" s="41" t="s">
        <v>438</v>
      </c>
      <c r="E1007" s="42" t="s">
        <v>711</v>
      </c>
      <c r="F1007" s="43" t="s">
        <v>16</v>
      </c>
    </row>
    <row r="1008" spans="1:7" ht="14.65" customHeight="1">
      <c r="A1008" s="40" t="s">
        <v>433</v>
      </c>
      <c r="B1008" s="145">
        <v>2324970</v>
      </c>
      <c r="C1008" s="41" t="s">
        <v>456</v>
      </c>
      <c r="D1008" s="41" t="s">
        <v>439</v>
      </c>
      <c r="E1008" s="42" t="s">
        <v>712</v>
      </c>
      <c r="F1008" s="43" t="s">
        <v>16</v>
      </c>
    </row>
    <row r="1009" spans="1:6" ht="14.65" customHeight="1">
      <c r="A1009" s="40" t="s">
        <v>433</v>
      </c>
      <c r="B1009" s="145">
        <v>2391082</v>
      </c>
      <c r="C1009" s="41" t="s">
        <v>456</v>
      </c>
      <c r="D1009" s="41" t="s">
        <v>440</v>
      </c>
      <c r="E1009" s="42" t="s">
        <v>695</v>
      </c>
      <c r="F1009" s="43" t="s">
        <v>16</v>
      </c>
    </row>
    <row r="1010" spans="1:6" ht="14.65" customHeight="1">
      <c r="A1010" s="40" t="s">
        <v>433</v>
      </c>
      <c r="B1010" s="145">
        <v>2392976</v>
      </c>
      <c r="C1010" s="41" t="s">
        <v>456</v>
      </c>
      <c r="D1010" s="41" t="s">
        <v>441</v>
      </c>
      <c r="E1010" s="42" t="s">
        <v>702</v>
      </c>
      <c r="F1010" s="43" t="s">
        <v>16</v>
      </c>
    </row>
    <row r="1011" spans="1:6" ht="14.65" customHeight="1">
      <c r="A1011" s="40" t="s">
        <v>433</v>
      </c>
      <c r="B1011" s="145">
        <v>2407280</v>
      </c>
      <c r="C1011" s="41" t="s">
        <v>456</v>
      </c>
      <c r="D1011" s="41" t="s">
        <v>443</v>
      </c>
      <c r="E1011" s="42" t="s">
        <v>686</v>
      </c>
      <c r="F1011" s="43" t="s">
        <v>16</v>
      </c>
    </row>
    <row r="1012" spans="1:6" ht="14.65" customHeight="1">
      <c r="A1012" s="40" t="s">
        <v>433</v>
      </c>
      <c r="B1012" s="145">
        <v>2411385</v>
      </c>
      <c r="C1012" s="41" t="s">
        <v>456</v>
      </c>
      <c r="D1012" s="41" t="s">
        <v>457</v>
      </c>
      <c r="E1012" s="42" t="s">
        <v>717</v>
      </c>
      <c r="F1012" s="43" t="s">
        <v>16</v>
      </c>
    </row>
    <row r="1013" spans="1:6" ht="14.65" customHeight="1">
      <c r="A1013" s="40" t="s">
        <v>433</v>
      </c>
      <c r="B1013" s="145">
        <v>2417960</v>
      </c>
      <c r="C1013" s="41" t="s">
        <v>456</v>
      </c>
      <c r="D1013" s="41" t="s">
        <v>445</v>
      </c>
      <c r="E1013" s="42" t="s">
        <v>692</v>
      </c>
      <c r="F1013" s="43" t="s">
        <v>16</v>
      </c>
    </row>
    <row r="1014" spans="1:6" ht="14.65" customHeight="1">
      <c r="A1014" s="40" t="s">
        <v>433</v>
      </c>
      <c r="B1014" s="145">
        <v>2346516</v>
      </c>
      <c r="C1014" s="41" t="s">
        <v>456</v>
      </c>
      <c r="D1014" s="41" t="s">
        <v>458</v>
      </c>
      <c r="E1014" s="44" t="s">
        <v>710</v>
      </c>
      <c r="F1014" s="43" t="s">
        <v>16</v>
      </c>
    </row>
    <row r="1015" spans="1:6" ht="14.65" customHeight="1">
      <c r="A1015" s="40" t="s">
        <v>433</v>
      </c>
      <c r="B1015" s="145">
        <v>2454041</v>
      </c>
      <c r="C1015" s="41" t="s">
        <v>456</v>
      </c>
      <c r="D1015" s="41" t="s">
        <v>459</v>
      </c>
      <c r="E1015" s="44" t="s">
        <v>699</v>
      </c>
      <c r="F1015" s="43" t="s">
        <v>16</v>
      </c>
    </row>
    <row r="1016" spans="1:6" ht="14.65" customHeight="1">
      <c r="A1016" s="40" t="s">
        <v>433</v>
      </c>
      <c r="B1016" s="145">
        <v>2457784</v>
      </c>
      <c r="C1016" s="41" t="s">
        <v>456</v>
      </c>
      <c r="D1016" s="41" t="s">
        <v>448</v>
      </c>
      <c r="E1016" s="42" t="s">
        <v>681</v>
      </c>
      <c r="F1016" s="43" t="s">
        <v>16</v>
      </c>
    </row>
    <row r="1017" spans="1:6" ht="14.65" customHeight="1">
      <c r="A1017" s="50" t="s">
        <v>433</v>
      </c>
      <c r="B1017" s="146">
        <v>2476541</v>
      </c>
      <c r="C1017" s="43" t="s">
        <v>456</v>
      </c>
      <c r="D1017" s="43" t="s">
        <v>625</v>
      </c>
      <c r="E1017" s="51" t="s">
        <v>705</v>
      </c>
      <c r="F1017" s="52" t="s">
        <v>16</v>
      </c>
    </row>
    <row r="1018" spans="1:6" ht="14.65" customHeight="1">
      <c r="A1018" s="50" t="s">
        <v>433</v>
      </c>
      <c r="B1018" s="147">
        <v>2475057</v>
      </c>
      <c r="C1018" s="46" t="s">
        <v>456</v>
      </c>
      <c r="D1018" s="46" t="s">
        <v>643</v>
      </c>
      <c r="E1018" s="54" t="s">
        <v>697</v>
      </c>
      <c r="F1018" s="52" t="s">
        <v>16</v>
      </c>
    </row>
    <row r="1019" spans="1:6" ht="14.65" customHeight="1">
      <c r="A1019" s="50" t="s">
        <v>433</v>
      </c>
      <c r="B1019" s="147">
        <v>2471191</v>
      </c>
      <c r="C1019" s="46" t="s">
        <v>456</v>
      </c>
      <c r="D1019" s="46" t="s">
        <v>647</v>
      </c>
      <c r="E1019" s="54" t="s">
        <v>698</v>
      </c>
      <c r="F1019" s="52" t="s">
        <v>16</v>
      </c>
    </row>
    <row r="1020" spans="1:6" ht="14.65" customHeight="1">
      <c r="A1020" s="50" t="s">
        <v>433</v>
      </c>
      <c r="B1020" s="147">
        <v>2507269</v>
      </c>
      <c r="C1020" s="43" t="s">
        <v>456</v>
      </c>
      <c r="D1020" s="43" t="s">
        <v>654</v>
      </c>
      <c r="E1020" s="54" t="s">
        <v>709</v>
      </c>
      <c r="F1020" s="52" t="s">
        <v>16</v>
      </c>
    </row>
    <row r="1021" spans="1:6" ht="14.65" customHeight="1">
      <c r="A1021" s="50" t="s">
        <v>433</v>
      </c>
      <c r="B1021" s="147">
        <v>2348748</v>
      </c>
      <c r="C1021" s="46" t="s">
        <v>456</v>
      </c>
      <c r="D1021" s="46" t="s">
        <v>655</v>
      </c>
      <c r="E1021" s="54" t="s">
        <v>713</v>
      </c>
      <c r="F1021" s="52" t="s">
        <v>16</v>
      </c>
    </row>
    <row r="1022" spans="1:6" ht="14.65" customHeight="1">
      <c r="A1022" s="50" t="s">
        <v>433</v>
      </c>
      <c r="B1022" s="147">
        <v>2504235</v>
      </c>
      <c r="C1022" s="46" t="s">
        <v>456</v>
      </c>
      <c r="D1022" s="46" t="s">
        <v>656</v>
      </c>
      <c r="E1022" s="54" t="s">
        <v>695</v>
      </c>
      <c r="F1022" s="52" t="s">
        <v>16</v>
      </c>
    </row>
    <row r="1023" spans="1:6" ht="14.65" customHeight="1">
      <c r="A1023" s="50" t="s">
        <v>433</v>
      </c>
      <c r="B1023" s="147">
        <v>2521598</v>
      </c>
      <c r="C1023" s="46" t="s">
        <v>456</v>
      </c>
      <c r="D1023" s="46" t="s">
        <v>664</v>
      </c>
      <c r="E1023" s="54" t="s">
        <v>708</v>
      </c>
      <c r="F1023" s="52" t="s">
        <v>16</v>
      </c>
    </row>
    <row r="1024" spans="1:6" ht="14.65" customHeight="1">
      <c r="A1024" s="50" t="s">
        <v>433</v>
      </c>
      <c r="B1024" s="147">
        <v>2479532</v>
      </c>
      <c r="C1024" s="46" t="s">
        <v>456</v>
      </c>
      <c r="D1024" s="46" t="s">
        <v>601</v>
      </c>
      <c r="E1024" s="54" t="s">
        <v>701</v>
      </c>
      <c r="F1024" s="52" t="s">
        <v>16</v>
      </c>
    </row>
    <row r="1025" spans="1:7" customFormat="1" ht="14.65" customHeight="1">
      <c r="A1025" s="104" t="s">
        <v>433</v>
      </c>
      <c r="B1025" s="142">
        <v>2545497</v>
      </c>
      <c r="C1025" s="122" t="s">
        <v>456</v>
      </c>
      <c r="D1025" s="122" t="s">
        <v>643</v>
      </c>
      <c r="E1025" s="174" t="s">
        <v>719</v>
      </c>
      <c r="F1025" s="95" t="s">
        <v>16</v>
      </c>
      <c r="G1025" s="185"/>
    </row>
    <row r="1026" spans="1:7" ht="14.65" customHeight="1">
      <c r="A1026" s="40"/>
      <c r="B1026" s="145"/>
      <c r="C1026" s="41"/>
      <c r="D1026" s="41"/>
      <c r="E1026" s="42"/>
      <c r="F1026" s="43"/>
    </row>
    <row r="1027" spans="1:7" ht="14.65" customHeight="1">
      <c r="A1027" s="40" t="s">
        <v>433</v>
      </c>
      <c r="B1027" s="145">
        <v>2265540</v>
      </c>
      <c r="C1027" s="41" t="s">
        <v>460</v>
      </c>
      <c r="D1027" s="41" t="s">
        <v>461</v>
      </c>
      <c r="E1027" s="42" t="s">
        <v>685</v>
      </c>
      <c r="F1027" s="43" t="s">
        <v>16</v>
      </c>
    </row>
    <row r="1028" spans="1:7" ht="14.65" customHeight="1">
      <c r="A1028" s="40" t="s">
        <v>433</v>
      </c>
      <c r="B1028" s="145">
        <v>2337975</v>
      </c>
      <c r="C1028" s="41" t="s">
        <v>460</v>
      </c>
      <c r="D1028" s="41" t="s">
        <v>462</v>
      </c>
      <c r="E1028" s="42" t="s">
        <v>683</v>
      </c>
      <c r="F1028" s="43" t="s">
        <v>16</v>
      </c>
    </row>
    <row r="1029" spans="1:7" ht="14.65" customHeight="1">
      <c r="A1029" s="40" t="s">
        <v>433</v>
      </c>
      <c r="B1029" s="145">
        <v>2338726</v>
      </c>
      <c r="C1029" s="41" t="s">
        <v>460</v>
      </c>
      <c r="D1029" s="41" t="s">
        <v>463</v>
      </c>
      <c r="E1029" s="42" t="s">
        <v>712</v>
      </c>
      <c r="F1029" s="43" t="s">
        <v>16</v>
      </c>
    </row>
    <row r="1030" spans="1:7" ht="14.65" customHeight="1">
      <c r="A1030" s="40" t="s">
        <v>433</v>
      </c>
      <c r="B1030" s="145">
        <v>2354608</v>
      </c>
      <c r="C1030" s="41" t="s">
        <v>460</v>
      </c>
      <c r="D1030" s="41" t="s">
        <v>464</v>
      </c>
      <c r="E1030" s="42" t="s">
        <v>719</v>
      </c>
      <c r="F1030" s="43" t="s">
        <v>16</v>
      </c>
    </row>
    <row r="1031" spans="1:7" ht="14.65" customHeight="1">
      <c r="A1031" s="40" t="s">
        <v>433</v>
      </c>
      <c r="B1031" s="145">
        <v>2378523</v>
      </c>
      <c r="C1031" s="41" t="s">
        <v>460</v>
      </c>
      <c r="D1031" s="41" t="s">
        <v>465</v>
      </c>
      <c r="E1031" s="42" t="s">
        <v>709</v>
      </c>
      <c r="F1031" s="43" t="s">
        <v>16</v>
      </c>
    </row>
    <row r="1032" spans="1:7" ht="14.65" customHeight="1">
      <c r="A1032" s="40" t="s">
        <v>433</v>
      </c>
      <c r="B1032" s="145">
        <v>2382644</v>
      </c>
      <c r="C1032" s="41" t="s">
        <v>460</v>
      </c>
      <c r="D1032" s="41" t="s">
        <v>621</v>
      </c>
      <c r="E1032" s="42" t="s">
        <v>711</v>
      </c>
      <c r="F1032" s="43" t="s">
        <v>16</v>
      </c>
    </row>
    <row r="1033" spans="1:7" ht="14.65" customHeight="1">
      <c r="A1033" s="40" t="s">
        <v>433</v>
      </c>
      <c r="B1033" s="145">
        <v>2391252</v>
      </c>
      <c r="C1033" s="41" t="s">
        <v>460</v>
      </c>
      <c r="D1033" s="41" t="s">
        <v>466</v>
      </c>
      <c r="E1033" s="42" t="s">
        <v>695</v>
      </c>
      <c r="F1033" s="43" t="s">
        <v>16</v>
      </c>
    </row>
    <row r="1034" spans="1:7" ht="14.65" customHeight="1">
      <c r="A1034" s="40" t="s">
        <v>433</v>
      </c>
      <c r="B1034" s="145">
        <v>2405628</v>
      </c>
      <c r="C1034" s="41" t="s">
        <v>460</v>
      </c>
      <c r="D1034" s="41" t="s">
        <v>467</v>
      </c>
      <c r="E1034" s="42" t="s">
        <v>713</v>
      </c>
      <c r="F1034" s="43" t="s">
        <v>16</v>
      </c>
    </row>
    <row r="1035" spans="1:7" ht="14.65" customHeight="1">
      <c r="A1035" s="40" t="s">
        <v>433</v>
      </c>
      <c r="B1035" s="145">
        <v>2411628</v>
      </c>
      <c r="C1035" s="41" t="s">
        <v>460</v>
      </c>
      <c r="D1035" s="41" t="s">
        <v>468</v>
      </c>
      <c r="E1035" s="42" t="s">
        <v>717</v>
      </c>
      <c r="F1035" s="43" t="s">
        <v>16</v>
      </c>
    </row>
    <row r="1036" spans="1:7" ht="14.65" customHeight="1">
      <c r="A1036" s="40" t="s">
        <v>433</v>
      </c>
      <c r="B1036" s="152">
        <v>2442574</v>
      </c>
      <c r="C1036" s="61" t="s">
        <v>460</v>
      </c>
      <c r="D1036" s="61" t="s">
        <v>469</v>
      </c>
      <c r="E1036" s="62" t="s">
        <v>686</v>
      </c>
      <c r="F1036" s="43" t="s">
        <v>16</v>
      </c>
    </row>
    <row r="1037" spans="1:7" ht="14.65" customHeight="1">
      <c r="A1037" s="40" t="s">
        <v>433</v>
      </c>
      <c r="B1037" s="152">
        <v>2381176</v>
      </c>
      <c r="C1037" s="61" t="s">
        <v>460</v>
      </c>
      <c r="D1037" s="61" t="s">
        <v>470</v>
      </c>
      <c r="E1037" s="44" t="s">
        <v>710</v>
      </c>
      <c r="F1037" s="43" t="s">
        <v>16</v>
      </c>
    </row>
    <row r="1038" spans="1:7" ht="14.65" customHeight="1">
      <c r="A1038" s="40" t="s">
        <v>433</v>
      </c>
      <c r="B1038" s="151">
        <v>2438917</v>
      </c>
      <c r="C1038" s="63" t="s">
        <v>460</v>
      </c>
      <c r="D1038" s="64" t="s">
        <v>609</v>
      </c>
      <c r="E1038" s="60" t="s">
        <v>681</v>
      </c>
      <c r="F1038" s="43" t="s">
        <v>16</v>
      </c>
    </row>
    <row r="1039" spans="1:7" ht="14.65" customHeight="1">
      <c r="A1039" s="50" t="s">
        <v>433</v>
      </c>
      <c r="B1039" s="151">
        <v>2498332</v>
      </c>
      <c r="C1039" s="43" t="s">
        <v>460</v>
      </c>
      <c r="D1039" s="64" t="s">
        <v>636</v>
      </c>
      <c r="E1039" s="54" t="s">
        <v>695</v>
      </c>
      <c r="F1039" s="43" t="s">
        <v>16</v>
      </c>
    </row>
    <row r="1040" spans="1:7" ht="14.65" customHeight="1">
      <c r="A1040" s="50" t="s">
        <v>433</v>
      </c>
      <c r="B1040" s="146">
        <v>2477483</v>
      </c>
      <c r="C1040" s="43" t="s">
        <v>460</v>
      </c>
      <c r="D1040" s="46" t="s">
        <v>637</v>
      </c>
      <c r="E1040" s="54" t="s">
        <v>703</v>
      </c>
      <c r="F1040" s="43" t="s">
        <v>16</v>
      </c>
    </row>
    <row r="1041" spans="1:6" ht="14.65" customHeight="1">
      <c r="A1041" s="50" t="s">
        <v>433</v>
      </c>
      <c r="B1041" s="155">
        <v>2505576</v>
      </c>
      <c r="C1041" s="65" t="s">
        <v>460</v>
      </c>
      <c r="D1041" s="66" t="s">
        <v>645</v>
      </c>
      <c r="E1041" s="54" t="s">
        <v>708</v>
      </c>
      <c r="F1041" s="43" t="s">
        <v>16</v>
      </c>
    </row>
    <row r="1042" spans="1:6" ht="14.65" customHeight="1">
      <c r="A1042" s="50" t="s">
        <v>433</v>
      </c>
      <c r="B1042" s="147">
        <v>2496534</v>
      </c>
      <c r="C1042" s="46" t="s">
        <v>460</v>
      </c>
      <c r="D1042" s="46" t="s">
        <v>652</v>
      </c>
      <c r="E1042" s="54" t="s">
        <v>698</v>
      </c>
      <c r="F1042" s="43" t="s">
        <v>16</v>
      </c>
    </row>
    <row r="1043" spans="1:6" ht="14.65" customHeight="1">
      <c r="A1043" s="50" t="s">
        <v>433</v>
      </c>
      <c r="B1043" s="154">
        <v>2413051</v>
      </c>
      <c r="C1043" s="134" t="s">
        <v>460</v>
      </c>
      <c r="D1043" s="134" t="s">
        <v>676</v>
      </c>
      <c r="E1043" s="57" t="s">
        <v>699</v>
      </c>
      <c r="F1043" s="43" t="s">
        <v>16</v>
      </c>
    </row>
    <row r="1044" spans="1:6" ht="14.65" customHeight="1">
      <c r="A1044" s="50" t="s">
        <v>433</v>
      </c>
      <c r="B1044" s="154">
        <v>2536595</v>
      </c>
      <c r="C1044" s="134" t="s">
        <v>460</v>
      </c>
      <c r="D1044" s="134" t="s">
        <v>677</v>
      </c>
      <c r="E1044" s="57" t="s">
        <v>703</v>
      </c>
      <c r="F1044" s="43" t="s">
        <v>16</v>
      </c>
    </row>
    <row r="1045" spans="1:6" ht="14.65" customHeight="1">
      <c r="A1045" s="50" t="s">
        <v>433</v>
      </c>
      <c r="B1045" s="154">
        <v>2397781</v>
      </c>
      <c r="C1045" s="134" t="s">
        <v>460</v>
      </c>
      <c r="D1045" s="134" t="s">
        <v>678</v>
      </c>
      <c r="E1045" s="57" t="s">
        <v>701</v>
      </c>
      <c r="F1045" s="43" t="s">
        <v>16</v>
      </c>
    </row>
    <row r="1046" spans="1:6" ht="14.65" customHeight="1">
      <c r="A1046" s="40"/>
      <c r="B1046" s="145"/>
      <c r="C1046" s="41"/>
      <c r="D1046" s="41"/>
      <c r="E1046" s="42"/>
      <c r="F1046" s="43"/>
    </row>
    <row r="1047" spans="1:6" ht="14.65" customHeight="1">
      <c r="A1047" s="40" t="s">
        <v>433</v>
      </c>
      <c r="B1047" s="145">
        <v>2247162</v>
      </c>
      <c r="C1047" s="41" t="s">
        <v>471</v>
      </c>
      <c r="D1047" s="41" t="s">
        <v>472</v>
      </c>
      <c r="E1047" s="42" t="s">
        <v>685</v>
      </c>
      <c r="F1047" s="43" t="s">
        <v>16</v>
      </c>
    </row>
    <row r="1048" spans="1:6" ht="14.65" customHeight="1">
      <c r="A1048" s="40" t="s">
        <v>433</v>
      </c>
      <c r="B1048" s="145">
        <v>2337983</v>
      </c>
      <c r="C1048" s="41" t="s">
        <v>471</v>
      </c>
      <c r="D1048" s="41" t="s">
        <v>462</v>
      </c>
      <c r="E1048" s="42" t="s">
        <v>683</v>
      </c>
      <c r="F1048" s="43" t="s">
        <v>16</v>
      </c>
    </row>
    <row r="1049" spans="1:6" ht="14.65" customHeight="1">
      <c r="A1049" s="40" t="s">
        <v>433</v>
      </c>
      <c r="B1049" s="145">
        <v>2338734</v>
      </c>
      <c r="C1049" s="41" t="s">
        <v>471</v>
      </c>
      <c r="D1049" s="41" t="s">
        <v>463</v>
      </c>
      <c r="E1049" s="42" t="s">
        <v>712</v>
      </c>
      <c r="F1049" s="43" t="s">
        <v>16</v>
      </c>
    </row>
    <row r="1050" spans="1:6" ht="14.65" customHeight="1">
      <c r="A1050" s="40" t="s">
        <v>433</v>
      </c>
      <c r="B1050" s="145">
        <v>2354616</v>
      </c>
      <c r="C1050" s="41" t="s">
        <v>471</v>
      </c>
      <c r="D1050" s="41" t="s">
        <v>464</v>
      </c>
      <c r="E1050" s="42" t="s">
        <v>719</v>
      </c>
      <c r="F1050" s="43" t="s">
        <v>16</v>
      </c>
    </row>
    <row r="1051" spans="1:6" ht="14.65" customHeight="1">
      <c r="A1051" s="40" t="s">
        <v>433</v>
      </c>
      <c r="B1051" s="145">
        <v>2378531</v>
      </c>
      <c r="C1051" s="41" t="s">
        <v>471</v>
      </c>
      <c r="D1051" s="41" t="s">
        <v>465</v>
      </c>
      <c r="E1051" s="42" t="s">
        <v>709</v>
      </c>
      <c r="F1051" s="43" t="s">
        <v>16</v>
      </c>
    </row>
    <row r="1052" spans="1:6" ht="14.65" customHeight="1">
      <c r="A1052" s="40" t="s">
        <v>433</v>
      </c>
      <c r="B1052" s="145">
        <v>2382652</v>
      </c>
      <c r="C1052" s="41" t="s">
        <v>471</v>
      </c>
      <c r="D1052" s="41" t="s">
        <v>621</v>
      </c>
      <c r="E1052" s="42" t="s">
        <v>711</v>
      </c>
      <c r="F1052" s="43" t="s">
        <v>16</v>
      </c>
    </row>
    <row r="1053" spans="1:6" ht="14.65" customHeight="1">
      <c r="A1053" s="40" t="s">
        <v>433</v>
      </c>
      <c r="B1053" s="145">
        <v>2391260</v>
      </c>
      <c r="C1053" s="41" t="s">
        <v>471</v>
      </c>
      <c r="D1053" s="41" t="s">
        <v>466</v>
      </c>
      <c r="E1053" s="42" t="s">
        <v>695</v>
      </c>
      <c r="F1053" s="43" t="s">
        <v>16</v>
      </c>
    </row>
    <row r="1054" spans="1:6" ht="14.65" customHeight="1">
      <c r="A1054" s="40" t="s">
        <v>433</v>
      </c>
      <c r="B1054" s="145">
        <v>2405636</v>
      </c>
      <c r="C1054" s="41" t="s">
        <v>471</v>
      </c>
      <c r="D1054" s="41" t="s">
        <v>467</v>
      </c>
      <c r="E1054" s="42" t="s">
        <v>713</v>
      </c>
      <c r="F1054" s="43" t="s">
        <v>16</v>
      </c>
    </row>
    <row r="1055" spans="1:6" ht="14.65" customHeight="1">
      <c r="A1055" s="40" t="s">
        <v>433</v>
      </c>
      <c r="B1055" s="145">
        <v>2411636</v>
      </c>
      <c r="C1055" s="41" t="s">
        <v>471</v>
      </c>
      <c r="D1055" s="41" t="s">
        <v>473</v>
      </c>
      <c r="E1055" s="42" t="s">
        <v>717</v>
      </c>
      <c r="F1055" s="43" t="s">
        <v>16</v>
      </c>
    </row>
    <row r="1056" spans="1:6" ht="14.65" customHeight="1">
      <c r="A1056" s="40" t="s">
        <v>433</v>
      </c>
      <c r="B1056" s="152">
        <v>2442582</v>
      </c>
      <c r="C1056" s="61" t="s">
        <v>471</v>
      </c>
      <c r="D1056" s="61" t="s">
        <v>469</v>
      </c>
      <c r="E1056" s="62" t="s">
        <v>686</v>
      </c>
      <c r="F1056" s="43" t="s">
        <v>16</v>
      </c>
    </row>
    <row r="1057" spans="1:6" ht="14.65" customHeight="1">
      <c r="A1057" s="40" t="s">
        <v>433</v>
      </c>
      <c r="B1057" s="152">
        <v>2381184</v>
      </c>
      <c r="C1057" s="61" t="s">
        <v>471</v>
      </c>
      <c r="D1057" s="61" t="s">
        <v>474</v>
      </c>
      <c r="E1057" s="44" t="s">
        <v>710</v>
      </c>
      <c r="F1057" s="43" t="s">
        <v>16</v>
      </c>
    </row>
    <row r="1058" spans="1:6" ht="14.65" customHeight="1">
      <c r="A1058" s="40" t="s">
        <v>433</v>
      </c>
      <c r="B1058" s="151">
        <v>2438925</v>
      </c>
      <c r="C1058" s="43" t="s">
        <v>471</v>
      </c>
      <c r="D1058" s="46" t="s">
        <v>609</v>
      </c>
      <c r="E1058" s="60" t="s">
        <v>681</v>
      </c>
      <c r="F1058" s="43" t="s">
        <v>16</v>
      </c>
    </row>
    <row r="1059" spans="1:6" ht="14.65" customHeight="1">
      <c r="A1059" s="50" t="s">
        <v>433</v>
      </c>
      <c r="B1059" s="151">
        <v>2498340</v>
      </c>
      <c r="C1059" s="43" t="s">
        <v>471</v>
      </c>
      <c r="D1059" s="64" t="s">
        <v>636</v>
      </c>
      <c r="E1059" s="54" t="s">
        <v>695</v>
      </c>
      <c r="F1059" s="43" t="s">
        <v>16</v>
      </c>
    </row>
    <row r="1060" spans="1:6" ht="14.65" customHeight="1">
      <c r="A1060" s="50" t="s">
        <v>433</v>
      </c>
      <c r="B1060" s="151">
        <v>2477491</v>
      </c>
      <c r="C1060" s="43" t="s">
        <v>471</v>
      </c>
      <c r="D1060" s="64" t="s">
        <v>637</v>
      </c>
      <c r="E1060" s="54" t="s">
        <v>703</v>
      </c>
      <c r="F1060" s="43" t="s">
        <v>16</v>
      </c>
    </row>
    <row r="1061" spans="1:6" ht="14.65" customHeight="1">
      <c r="A1061" s="50" t="s">
        <v>433</v>
      </c>
      <c r="B1061" s="155">
        <v>2505584</v>
      </c>
      <c r="C1061" s="65" t="s">
        <v>471</v>
      </c>
      <c r="D1061" s="66" t="s">
        <v>645</v>
      </c>
      <c r="E1061" s="54" t="s">
        <v>708</v>
      </c>
      <c r="F1061" s="43" t="s">
        <v>16</v>
      </c>
    </row>
    <row r="1062" spans="1:6" ht="14.65" customHeight="1">
      <c r="A1062" s="50" t="s">
        <v>433</v>
      </c>
      <c r="B1062" s="147">
        <v>2496542</v>
      </c>
      <c r="C1062" s="46" t="s">
        <v>471</v>
      </c>
      <c r="D1062" s="46" t="s">
        <v>652</v>
      </c>
      <c r="E1062" s="54" t="s">
        <v>698</v>
      </c>
      <c r="F1062" s="43" t="s">
        <v>16</v>
      </c>
    </row>
    <row r="1063" spans="1:6" ht="14.65" customHeight="1">
      <c r="A1063" s="50" t="s">
        <v>433</v>
      </c>
      <c r="B1063" s="154">
        <v>2413078</v>
      </c>
      <c r="C1063" s="134" t="s">
        <v>471</v>
      </c>
      <c r="D1063" s="134" t="s">
        <v>676</v>
      </c>
      <c r="E1063" s="57" t="s">
        <v>699</v>
      </c>
      <c r="F1063" s="43" t="s">
        <v>16</v>
      </c>
    </row>
    <row r="1064" spans="1:6" ht="14.65" customHeight="1">
      <c r="A1064" s="50" t="s">
        <v>433</v>
      </c>
      <c r="B1064" s="154">
        <v>2536609</v>
      </c>
      <c r="C1064" s="134" t="s">
        <v>471</v>
      </c>
      <c r="D1064" s="134" t="s">
        <v>677</v>
      </c>
      <c r="E1064" s="57" t="s">
        <v>703</v>
      </c>
      <c r="F1064" s="43" t="s">
        <v>16</v>
      </c>
    </row>
    <row r="1065" spans="1:6" ht="14.65" customHeight="1">
      <c r="A1065" s="50" t="s">
        <v>433</v>
      </c>
      <c r="B1065" s="154">
        <v>2397803</v>
      </c>
      <c r="C1065" s="134" t="s">
        <v>471</v>
      </c>
      <c r="D1065" s="134" t="s">
        <v>678</v>
      </c>
      <c r="E1065" s="57" t="s">
        <v>701</v>
      </c>
      <c r="F1065" s="43" t="s">
        <v>16</v>
      </c>
    </row>
    <row r="1066" spans="1:6" ht="14.65" customHeight="1">
      <c r="A1066" s="40"/>
      <c r="B1066" s="145"/>
      <c r="C1066" s="41"/>
      <c r="D1066" s="41"/>
      <c r="E1066" s="42"/>
      <c r="F1066" s="43"/>
    </row>
    <row r="1067" spans="1:6" ht="14.65" customHeight="1">
      <c r="A1067" s="40" t="s">
        <v>433</v>
      </c>
      <c r="B1067" s="145">
        <v>2247163</v>
      </c>
      <c r="C1067" s="41" t="s">
        <v>475</v>
      </c>
      <c r="D1067" s="41" t="s">
        <v>476</v>
      </c>
      <c r="E1067" s="42" t="s">
        <v>685</v>
      </c>
      <c r="F1067" s="43" t="s">
        <v>16</v>
      </c>
    </row>
    <row r="1068" spans="1:6" ht="14.65" customHeight="1">
      <c r="A1068" s="40" t="s">
        <v>433</v>
      </c>
      <c r="B1068" s="145">
        <v>2337991</v>
      </c>
      <c r="C1068" s="41" t="s">
        <v>475</v>
      </c>
      <c r="D1068" s="41" t="s">
        <v>462</v>
      </c>
      <c r="E1068" s="42" t="s">
        <v>683</v>
      </c>
      <c r="F1068" s="43" t="s">
        <v>16</v>
      </c>
    </row>
    <row r="1069" spans="1:6" ht="14.65" customHeight="1">
      <c r="A1069" s="40" t="s">
        <v>433</v>
      </c>
      <c r="B1069" s="145">
        <v>2338742</v>
      </c>
      <c r="C1069" s="41" t="s">
        <v>475</v>
      </c>
      <c r="D1069" s="41" t="s">
        <v>463</v>
      </c>
      <c r="E1069" s="42" t="s">
        <v>712</v>
      </c>
      <c r="F1069" s="43" t="s">
        <v>16</v>
      </c>
    </row>
    <row r="1070" spans="1:6" ht="14.65" customHeight="1">
      <c r="A1070" s="40" t="s">
        <v>433</v>
      </c>
      <c r="B1070" s="145">
        <v>2354624</v>
      </c>
      <c r="C1070" s="41" t="s">
        <v>475</v>
      </c>
      <c r="D1070" s="41" t="s">
        <v>464</v>
      </c>
      <c r="E1070" s="42" t="s">
        <v>719</v>
      </c>
      <c r="F1070" s="43" t="s">
        <v>16</v>
      </c>
    </row>
    <row r="1071" spans="1:6" ht="14.65" customHeight="1">
      <c r="A1071" s="40" t="s">
        <v>433</v>
      </c>
      <c r="B1071" s="145">
        <v>2378558</v>
      </c>
      <c r="C1071" s="41" t="s">
        <v>475</v>
      </c>
      <c r="D1071" s="41" t="s">
        <v>465</v>
      </c>
      <c r="E1071" s="42" t="s">
        <v>709</v>
      </c>
      <c r="F1071" s="43" t="s">
        <v>16</v>
      </c>
    </row>
    <row r="1072" spans="1:6" ht="14.65" customHeight="1">
      <c r="A1072" s="40" t="s">
        <v>433</v>
      </c>
      <c r="B1072" s="145">
        <v>2382660</v>
      </c>
      <c r="C1072" s="41" t="s">
        <v>475</v>
      </c>
      <c r="D1072" s="41" t="s">
        <v>621</v>
      </c>
      <c r="E1072" s="42" t="s">
        <v>711</v>
      </c>
      <c r="F1072" s="43" t="s">
        <v>16</v>
      </c>
    </row>
    <row r="1073" spans="1:6" ht="14.65" customHeight="1">
      <c r="A1073" s="40" t="s">
        <v>433</v>
      </c>
      <c r="B1073" s="145">
        <v>2391279</v>
      </c>
      <c r="C1073" s="41" t="s">
        <v>475</v>
      </c>
      <c r="D1073" s="41" t="s">
        <v>466</v>
      </c>
      <c r="E1073" s="42" t="s">
        <v>695</v>
      </c>
      <c r="F1073" s="43" t="s">
        <v>16</v>
      </c>
    </row>
    <row r="1074" spans="1:6" ht="14.65" customHeight="1">
      <c r="A1074" s="40" t="s">
        <v>433</v>
      </c>
      <c r="B1074" s="145">
        <v>2405644</v>
      </c>
      <c r="C1074" s="41" t="s">
        <v>475</v>
      </c>
      <c r="D1074" s="41" t="s">
        <v>467</v>
      </c>
      <c r="E1074" s="42" t="s">
        <v>713</v>
      </c>
      <c r="F1074" s="43" t="s">
        <v>16</v>
      </c>
    </row>
    <row r="1075" spans="1:6" ht="14.65" customHeight="1">
      <c r="A1075" s="40" t="s">
        <v>433</v>
      </c>
      <c r="B1075" s="145">
        <v>2411644</v>
      </c>
      <c r="C1075" s="41" t="s">
        <v>475</v>
      </c>
      <c r="D1075" s="41" t="s">
        <v>477</v>
      </c>
      <c r="E1075" s="42" t="s">
        <v>717</v>
      </c>
      <c r="F1075" s="43" t="s">
        <v>16</v>
      </c>
    </row>
    <row r="1076" spans="1:6" ht="14.65" customHeight="1">
      <c r="A1076" s="40" t="s">
        <v>433</v>
      </c>
      <c r="B1076" s="152">
        <v>2442590</v>
      </c>
      <c r="C1076" s="61" t="s">
        <v>475</v>
      </c>
      <c r="D1076" s="61" t="s">
        <v>469</v>
      </c>
      <c r="E1076" s="62" t="s">
        <v>686</v>
      </c>
      <c r="F1076" s="43" t="s">
        <v>16</v>
      </c>
    </row>
    <row r="1077" spans="1:6" ht="14.65" customHeight="1">
      <c r="A1077" s="40" t="s">
        <v>433</v>
      </c>
      <c r="B1077" s="152">
        <v>2381192</v>
      </c>
      <c r="C1077" s="61" t="s">
        <v>475</v>
      </c>
      <c r="D1077" s="61" t="s">
        <v>478</v>
      </c>
      <c r="E1077" s="44" t="s">
        <v>710</v>
      </c>
      <c r="F1077" s="43" t="s">
        <v>16</v>
      </c>
    </row>
    <row r="1078" spans="1:6" ht="14.65" customHeight="1">
      <c r="A1078" s="40" t="s">
        <v>433</v>
      </c>
      <c r="B1078" s="151">
        <v>2438933</v>
      </c>
      <c r="C1078" s="64" t="s">
        <v>475</v>
      </c>
      <c r="D1078" s="63" t="s">
        <v>609</v>
      </c>
      <c r="E1078" s="60" t="s">
        <v>681</v>
      </c>
      <c r="F1078" s="43" t="s">
        <v>16</v>
      </c>
    </row>
    <row r="1079" spans="1:6" ht="14.65" customHeight="1">
      <c r="A1079" s="50" t="s">
        <v>433</v>
      </c>
      <c r="B1079" s="151">
        <v>2498359</v>
      </c>
      <c r="C1079" s="64" t="s">
        <v>475</v>
      </c>
      <c r="D1079" s="64" t="s">
        <v>636</v>
      </c>
      <c r="E1079" s="54" t="s">
        <v>695</v>
      </c>
      <c r="F1079" s="43" t="s">
        <v>16</v>
      </c>
    </row>
    <row r="1080" spans="1:6" ht="14.65" customHeight="1">
      <c r="A1080" s="50" t="s">
        <v>433</v>
      </c>
      <c r="B1080" s="146">
        <v>2477505</v>
      </c>
      <c r="C1080" s="43" t="s">
        <v>475</v>
      </c>
      <c r="D1080" s="46" t="s">
        <v>637</v>
      </c>
      <c r="E1080" s="54" t="s">
        <v>703</v>
      </c>
      <c r="F1080" s="43" t="s">
        <v>16</v>
      </c>
    </row>
    <row r="1081" spans="1:6" ht="14.65" customHeight="1">
      <c r="A1081" s="50" t="s">
        <v>433</v>
      </c>
      <c r="B1081" s="155">
        <v>2505592</v>
      </c>
      <c r="C1081" s="65" t="s">
        <v>475</v>
      </c>
      <c r="D1081" s="66" t="s">
        <v>645</v>
      </c>
      <c r="E1081" s="54" t="s">
        <v>708</v>
      </c>
      <c r="F1081" s="43" t="s">
        <v>16</v>
      </c>
    </row>
    <row r="1082" spans="1:6" ht="14.65" customHeight="1">
      <c r="A1082" s="50" t="s">
        <v>433</v>
      </c>
      <c r="B1082" s="147">
        <v>2496550</v>
      </c>
      <c r="C1082" s="46" t="s">
        <v>475</v>
      </c>
      <c r="D1082" s="46" t="s">
        <v>652</v>
      </c>
      <c r="E1082" s="54" t="s">
        <v>698</v>
      </c>
      <c r="F1082" s="43" t="s">
        <v>16</v>
      </c>
    </row>
    <row r="1083" spans="1:6" ht="14.65" customHeight="1">
      <c r="A1083" s="50" t="s">
        <v>433</v>
      </c>
      <c r="B1083" s="154">
        <v>2413086</v>
      </c>
      <c r="C1083" s="134" t="s">
        <v>475</v>
      </c>
      <c r="D1083" s="134" t="s">
        <v>676</v>
      </c>
      <c r="E1083" s="57" t="s">
        <v>699</v>
      </c>
      <c r="F1083" s="43" t="s">
        <v>16</v>
      </c>
    </row>
    <row r="1084" spans="1:6" ht="14.65" customHeight="1">
      <c r="A1084" s="50" t="s">
        <v>433</v>
      </c>
      <c r="B1084" s="154">
        <v>2536625</v>
      </c>
      <c r="C1084" s="134" t="s">
        <v>475</v>
      </c>
      <c r="D1084" s="134" t="s">
        <v>677</v>
      </c>
      <c r="E1084" s="57" t="s">
        <v>703</v>
      </c>
      <c r="F1084" s="43" t="s">
        <v>16</v>
      </c>
    </row>
    <row r="1085" spans="1:6" ht="14.65" customHeight="1">
      <c r="A1085" s="50" t="s">
        <v>433</v>
      </c>
      <c r="B1085" s="154">
        <v>2397811</v>
      </c>
      <c r="C1085" s="134" t="s">
        <v>475</v>
      </c>
      <c r="D1085" s="134" t="s">
        <v>678</v>
      </c>
      <c r="E1085" s="57" t="s">
        <v>701</v>
      </c>
      <c r="F1085" s="43" t="s">
        <v>16</v>
      </c>
    </row>
    <row r="1086" spans="1:6" ht="14.65" customHeight="1">
      <c r="A1086" s="40"/>
      <c r="B1086" s="145"/>
      <c r="C1086" s="41"/>
      <c r="D1086" s="41"/>
      <c r="E1086" s="42"/>
      <c r="F1086" s="43"/>
    </row>
    <row r="1087" spans="1:6" ht="14.65" customHeight="1">
      <c r="A1087" s="40" t="s">
        <v>433</v>
      </c>
      <c r="B1087" s="145">
        <v>2247164</v>
      </c>
      <c r="C1087" s="41" t="s">
        <v>479</v>
      </c>
      <c r="D1087" s="41" t="s">
        <v>480</v>
      </c>
      <c r="E1087" s="42" t="s">
        <v>685</v>
      </c>
      <c r="F1087" s="43" t="s">
        <v>16</v>
      </c>
    </row>
    <row r="1088" spans="1:6" ht="14.65" customHeight="1">
      <c r="A1088" s="40" t="s">
        <v>433</v>
      </c>
      <c r="B1088" s="145">
        <v>2338009</v>
      </c>
      <c r="C1088" s="41" t="s">
        <v>479</v>
      </c>
      <c r="D1088" s="41" t="s">
        <v>462</v>
      </c>
      <c r="E1088" s="42" t="s">
        <v>683</v>
      </c>
      <c r="F1088" s="43" t="s">
        <v>16</v>
      </c>
    </row>
    <row r="1089" spans="1:6" ht="14.65" customHeight="1">
      <c r="A1089" s="40" t="s">
        <v>433</v>
      </c>
      <c r="B1089" s="145">
        <v>2338750</v>
      </c>
      <c r="C1089" s="41" t="s">
        <v>479</v>
      </c>
      <c r="D1089" s="41" t="s">
        <v>463</v>
      </c>
      <c r="E1089" s="42" t="s">
        <v>712</v>
      </c>
      <c r="F1089" s="43" t="s">
        <v>16</v>
      </c>
    </row>
    <row r="1090" spans="1:6" ht="14.65" customHeight="1">
      <c r="A1090" s="40" t="s">
        <v>433</v>
      </c>
      <c r="B1090" s="145">
        <v>2354632</v>
      </c>
      <c r="C1090" s="41" t="s">
        <v>479</v>
      </c>
      <c r="D1090" s="41" t="s">
        <v>464</v>
      </c>
      <c r="E1090" s="42" t="s">
        <v>719</v>
      </c>
      <c r="F1090" s="43" t="s">
        <v>16</v>
      </c>
    </row>
    <row r="1091" spans="1:6" ht="14.65" customHeight="1">
      <c r="A1091" s="40" t="s">
        <v>433</v>
      </c>
      <c r="B1091" s="145">
        <v>2378566</v>
      </c>
      <c r="C1091" s="41" t="s">
        <v>479</v>
      </c>
      <c r="D1091" s="41" t="s">
        <v>465</v>
      </c>
      <c r="E1091" s="42" t="s">
        <v>709</v>
      </c>
      <c r="F1091" s="43" t="s">
        <v>16</v>
      </c>
    </row>
    <row r="1092" spans="1:6" ht="14.65" customHeight="1">
      <c r="A1092" s="40" t="s">
        <v>433</v>
      </c>
      <c r="B1092" s="145">
        <v>2382679</v>
      </c>
      <c r="C1092" s="41" t="s">
        <v>479</v>
      </c>
      <c r="D1092" s="41" t="s">
        <v>621</v>
      </c>
      <c r="E1092" s="42" t="s">
        <v>711</v>
      </c>
      <c r="F1092" s="43" t="s">
        <v>16</v>
      </c>
    </row>
    <row r="1093" spans="1:6" ht="14.65" customHeight="1">
      <c r="A1093" s="40" t="s">
        <v>433</v>
      </c>
      <c r="B1093" s="145">
        <v>2391287</v>
      </c>
      <c r="C1093" s="41" t="s">
        <v>479</v>
      </c>
      <c r="D1093" s="41" t="s">
        <v>466</v>
      </c>
      <c r="E1093" s="42" t="s">
        <v>695</v>
      </c>
      <c r="F1093" s="43" t="s">
        <v>16</v>
      </c>
    </row>
    <row r="1094" spans="1:6" ht="14.65" customHeight="1">
      <c r="A1094" s="40" t="s">
        <v>433</v>
      </c>
      <c r="B1094" s="145">
        <v>2405652</v>
      </c>
      <c r="C1094" s="41" t="s">
        <v>479</v>
      </c>
      <c r="D1094" s="41" t="s">
        <v>467</v>
      </c>
      <c r="E1094" s="42" t="s">
        <v>713</v>
      </c>
      <c r="F1094" s="43" t="s">
        <v>16</v>
      </c>
    </row>
    <row r="1095" spans="1:6" ht="14.65" customHeight="1">
      <c r="A1095" s="40" t="s">
        <v>433</v>
      </c>
      <c r="B1095" s="145">
        <v>2411652</v>
      </c>
      <c r="C1095" s="41" t="s">
        <v>479</v>
      </c>
      <c r="D1095" s="41" t="s">
        <v>481</v>
      </c>
      <c r="E1095" s="42" t="s">
        <v>717</v>
      </c>
      <c r="F1095" s="43" t="s">
        <v>16</v>
      </c>
    </row>
    <row r="1096" spans="1:6" ht="14.65" customHeight="1">
      <c r="A1096" s="40" t="s">
        <v>433</v>
      </c>
      <c r="B1096" s="152">
        <v>2442604</v>
      </c>
      <c r="C1096" s="61" t="s">
        <v>479</v>
      </c>
      <c r="D1096" s="61" t="s">
        <v>469</v>
      </c>
      <c r="E1096" s="62" t="s">
        <v>686</v>
      </c>
      <c r="F1096" s="43" t="s">
        <v>16</v>
      </c>
    </row>
    <row r="1097" spans="1:6" ht="14.65" customHeight="1">
      <c r="A1097" s="40" t="s">
        <v>433</v>
      </c>
      <c r="B1097" s="152">
        <v>2381206</v>
      </c>
      <c r="C1097" s="61" t="s">
        <v>479</v>
      </c>
      <c r="D1097" s="61" t="s">
        <v>482</v>
      </c>
      <c r="E1097" s="44" t="s">
        <v>710</v>
      </c>
      <c r="F1097" s="43" t="s">
        <v>16</v>
      </c>
    </row>
    <row r="1098" spans="1:6" ht="14.65" customHeight="1">
      <c r="A1098" s="40" t="s">
        <v>433</v>
      </c>
      <c r="B1098" s="151">
        <v>2438941</v>
      </c>
      <c r="C1098" s="64" t="s">
        <v>479</v>
      </c>
      <c r="D1098" s="64" t="s">
        <v>609</v>
      </c>
      <c r="E1098" s="60" t="s">
        <v>681</v>
      </c>
      <c r="F1098" s="43" t="s">
        <v>16</v>
      </c>
    </row>
    <row r="1099" spans="1:6" ht="14.65" customHeight="1">
      <c r="A1099" s="50" t="s">
        <v>433</v>
      </c>
      <c r="B1099" s="146">
        <v>2498367</v>
      </c>
      <c r="C1099" s="43" t="s">
        <v>479</v>
      </c>
      <c r="D1099" s="46" t="s">
        <v>636</v>
      </c>
      <c r="E1099" s="54" t="s">
        <v>695</v>
      </c>
      <c r="F1099" s="43" t="s">
        <v>16</v>
      </c>
    </row>
    <row r="1100" spans="1:6" ht="14.65" customHeight="1">
      <c r="A1100" s="50" t="s">
        <v>433</v>
      </c>
      <c r="B1100" s="146">
        <v>2477513</v>
      </c>
      <c r="C1100" s="43" t="s">
        <v>479</v>
      </c>
      <c r="D1100" s="46" t="s">
        <v>637</v>
      </c>
      <c r="E1100" s="54" t="s">
        <v>703</v>
      </c>
      <c r="F1100" s="43" t="s">
        <v>16</v>
      </c>
    </row>
    <row r="1101" spans="1:6" ht="14.65" customHeight="1">
      <c r="A1101" s="50" t="s">
        <v>433</v>
      </c>
      <c r="B1101" s="155">
        <v>2505606</v>
      </c>
      <c r="C1101" s="65" t="s">
        <v>479</v>
      </c>
      <c r="D1101" s="66" t="s">
        <v>645</v>
      </c>
      <c r="E1101" s="54" t="s">
        <v>708</v>
      </c>
      <c r="F1101" s="43" t="s">
        <v>16</v>
      </c>
    </row>
    <row r="1102" spans="1:6" ht="14.65" customHeight="1">
      <c r="A1102" s="50" t="s">
        <v>433</v>
      </c>
      <c r="B1102" s="147">
        <v>2496569</v>
      </c>
      <c r="C1102" s="46" t="s">
        <v>479</v>
      </c>
      <c r="D1102" s="46" t="s">
        <v>652</v>
      </c>
      <c r="E1102" s="54" t="s">
        <v>698</v>
      </c>
      <c r="F1102" s="43" t="s">
        <v>16</v>
      </c>
    </row>
    <row r="1103" spans="1:6" ht="14.65" customHeight="1">
      <c r="A1103" s="50" t="s">
        <v>433</v>
      </c>
      <c r="B1103" s="154">
        <v>2413108</v>
      </c>
      <c r="C1103" s="134" t="s">
        <v>479</v>
      </c>
      <c r="D1103" s="134" t="s">
        <v>676</v>
      </c>
      <c r="E1103" s="57" t="s">
        <v>699</v>
      </c>
      <c r="F1103" s="43" t="s">
        <v>16</v>
      </c>
    </row>
    <row r="1104" spans="1:6" ht="14.65" customHeight="1">
      <c r="A1104" s="50" t="s">
        <v>433</v>
      </c>
      <c r="B1104" s="154">
        <v>2536633</v>
      </c>
      <c r="C1104" s="134" t="s">
        <v>479</v>
      </c>
      <c r="D1104" s="134" t="s">
        <v>677</v>
      </c>
      <c r="E1104" s="57" t="s">
        <v>703</v>
      </c>
      <c r="F1104" s="43" t="s">
        <v>16</v>
      </c>
    </row>
    <row r="1105" spans="1:6" ht="14.65" customHeight="1">
      <c r="A1105" s="50" t="s">
        <v>433</v>
      </c>
      <c r="B1105" s="154">
        <v>2397838</v>
      </c>
      <c r="C1105" s="134" t="s">
        <v>479</v>
      </c>
      <c r="D1105" s="134" t="s">
        <v>678</v>
      </c>
      <c r="E1105" s="57" t="s">
        <v>701</v>
      </c>
      <c r="F1105" s="43" t="s">
        <v>16</v>
      </c>
    </row>
    <row r="1106" spans="1:6" ht="14.65" customHeight="1">
      <c r="A1106" s="40"/>
      <c r="B1106" s="145"/>
      <c r="C1106" s="41"/>
      <c r="D1106" s="41"/>
      <c r="E1106" s="42"/>
      <c r="F1106" s="43"/>
    </row>
    <row r="1107" spans="1:6" ht="14.65" customHeight="1">
      <c r="A1107" s="40" t="s">
        <v>433</v>
      </c>
      <c r="B1107" s="145">
        <v>2299224</v>
      </c>
      <c r="C1107" s="41" t="s">
        <v>483</v>
      </c>
      <c r="D1107" s="41" t="s">
        <v>484</v>
      </c>
      <c r="E1107" s="42" t="s">
        <v>719</v>
      </c>
      <c r="F1107" s="43" t="s">
        <v>48</v>
      </c>
    </row>
    <row r="1108" spans="1:6" ht="14.65" customHeight="1">
      <c r="A1108" s="40"/>
      <c r="B1108" s="145"/>
      <c r="C1108" s="41"/>
      <c r="D1108" s="41"/>
      <c r="E1108" s="42"/>
      <c r="F1108" s="43"/>
    </row>
    <row r="1109" spans="1:6" ht="14.65" customHeight="1">
      <c r="A1109" s="40" t="s">
        <v>433</v>
      </c>
      <c r="B1109" s="145">
        <v>2299232</v>
      </c>
      <c r="C1109" s="41" t="s">
        <v>485</v>
      </c>
      <c r="D1109" s="41" t="s">
        <v>484</v>
      </c>
      <c r="E1109" s="42" t="s">
        <v>719</v>
      </c>
      <c r="F1109" s="43" t="s">
        <v>48</v>
      </c>
    </row>
    <row r="1110" spans="1:6" ht="14.65" customHeight="1">
      <c r="A1110" s="40"/>
      <c r="B1110" s="145"/>
      <c r="C1110" s="41"/>
      <c r="D1110" s="41"/>
      <c r="E1110" s="42"/>
      <c r="F1110" s="43"/>
    </row>
    <row r="1111" spans="1:6" customFormat="1" ht="14.65" customHeight="1">
      <c r="A1111" s="92" t="s">
        <v>433</v>
      </c>
      <c r="B1111" s="135">
        <v>2250527</v>
      </c>
      <c r="C1111" s="93" t="s">
        <v>486</v>
      </c>
      <c r="D1111" s="93" t="s">
        <v>487</v>
      </c>
      <c r="E1111" s="94" t="s">
        <v>704</v>
      </c>
      <c r="F1111" s="95" t="s">
        <v>48</v>
      </c>
    </row>
    <row r="1112" spans="1:6" customFormat="1" ht="14.65" customHeight="1">
      <c r="A1112" s="92"/>
      <c r="B1112" s="135"/>
      <c r="C1112" s="93"/>
      <c r="D1112" s="93"/>
      <c r="E1112" s="94"/>
      <c r="F1112" s="95"/>
    </row>
    <row r="1113" spans="1:6" customFormat="1" ht="14.65" customHeight="1">
      <c r="A1113" s="92" t="s">
        <v>433</v>
      </c>
      <c r="B1113" s="135">
        <v>795860</v>
      </c>
      <c r="C1113" s="93" t="s">
        <v>488</v>
      </c>
      <c r="D1113" s="93" t="s">
        <v>489</v>
      </c>
      <c r="E1113" s="94" t="s">
        <v>700</v>
      </c>
      <c r="F1113" s="95" t="s">
        <v>48</v>
      </c>
    </row>
    <row r="1114" spans="1:6" customFormat="1" ht="14.65" customHeight="1">
      <c r="A1114" s="92" t="s">
        <v>433</v>
      </c>
      <c r="B1114" s="135">
        <v>2220172</v>
      </c>
      <c r="C1114" s="93" t="s">
        <v>488</v>
      </c>
      <c r="D1114" s="93" t="s">
        <v>490</v>
      </c>
      <c r="E1114" s="94" t="s">
        <v>683</v>
      </c>
      <c r="F1114" s="95" t="s">
        <v>48</v>
      </c>
    </row>
    <row r="1115" spans="1:6" customFormat="1" ht="14.65" customHeight="1">
      <c r="A1115" s="92" t="s">
        <v>433</v>
      </c>
      <c r="B1115" s="135">
        <v>2246542</v>
      </c>
      <c r="C1115" s="93" t="s">
        <v>488</v>
      </c>
      <c r="D1115" s="93" t="s">
        <v>660</v>
      </c>
      <c r="E1115" s="94" t="s">
        <v>719</v>
      </c>
      <c r="F1115" s="95" t="s">
        <v>48</v>
      </c>
    </row>
    <row r="1116" spans="1:6" customFormat="1" ht="14.65" customHeight="1">
      <c r="A1116" s="92"/>
      <c r="B1116" s="135"/>
      <c r="C1116" s="93"/>
      <c r="D1116" s="93"/>
      <c r="E1116" s="94"/>
      <c r="F1116" s="95"/>
    </row>
    <row r="1117" spans="1:6" customFormat="1" ht="14.65" customHeight="1">
      <c r="A1117" s="92" t="s">
        <v>433</v>
      </c>
      <c r="B1117" s="135">
        <v>795852</v>
      </c>
      <c r="C1117" s="93" t="s">
        <v>491</v>
      </c>
      <c r="D1117" s="93" t="s">
        <v>489</v>
      </c>
      <c r="E1117" s="94" t="s">
        <v>700</v>
      </c>
      <c r="F1117" s="95" t="s">
        <v>48</v>
      </c>
    </row>
    <row r="1118" spans="1:6" customFormat="1" ht="14.65" customHeight="1">
      <c r="A1118" s="92" t="s">
        <v>433</v>
      </c>
      <c r="B1118" s="135">
        <v>2220180</v>
      </c>
      <c r="C1118" s="93" t="s">
        <v>491</v>
      </c>
      <c r="D1118" s="93" t="s">
        <v>492</v>
      </c>
      <c r="E1118" s="94" t="s">
        <v>683</v>
      </c>
      <c r="F1118" s="95" t="s">
        <v>48</v>
      </c>
    </row>
    <row r="1119" spans="1:6" customFormat="1" ht="14.65" customHeight="1">
      <c r="A1119" s="92"/>
      <c r="B1119" s="135"/>
      <c r="C1119" s="93"/>
      <c r="D1119" s="93">
        <f ca="1">D1119</f>
        <v>0</v>
      </c>
      <c r="E1119" s="94"/>
      <c r="F1119" s="95"/>
    </row>
    <row r="1120" spans="1:6" customFormat="1" ht="14.65" customHeight="1">
      <c r="A1120" s="92" t="s">
        <v>433</v>
      </c>
      <c r="B1120" s="135">
        <v>893749</v>
      </c>
      <c r="C1120" s="93" t="s">
        <v>493</v>
      </c>
      <c r="D1120" s="93" t="s">
        <v>494</v>
      </c>
      <c r="E1120" s="94" t="s">
        <v>691</v>
      </c>
      <c r="F1120" s="95" t="s">
        <v>48</v>
      </c>
    </row>
    <row r="1121" spans="1:7" customFormat="1" ht="14.65" customHeight="1">
      <c r="A1121" s="92" t="s">
        <v>433</v>
      </c>
      <c r="B1121" s="135">
        <v>2243506</v>
      </c>
      <c r="C1121" s="93" t="s">
        <v>493</v>
      </c>
      <c r="D1121" s="93" t="s">
        <v>495</v>
      </c>
      <c r="E1121" s="94" t="s">
        <v>683</v>
      </c>
      <c r="F1121" s="95" t="s">
        <v>48</v>
      </c>
    </row>
    <row r="1122" spans="1:7" customFormat="1" ht="14.65" customHeight="1">
      <c r="A1122" s="92" t="s">
        <v>433</v>
      </c>
      <c r="B1122" s="135">
        <v>2247008</v>
      </c>
      <c r="C1122" s="93" t="s">
        <v>493</v>
      </c>
      <c r="D1122" s="93" t="s">
        <v>496</v>
      </c>
      <c r="E1122" s="94" t="s">
        <v>719</v>
      </c>
      <c r="F1122" s="95" t="s">
        <v>48</v>
      </c>
    </row>
    <row r="1123" spans="1:7" customFormat="1" ht="14.65" customHeight="1">
      <c r="A1123" s="92" t="s">
        <v>433</v>
      </c>
      <c r="B1123" s="135">
        <v>2247655</v>
      </c>
      <c r="C1123" s="93" t="s">
        <v>493</v>
      </c>
      <c r="D1123" s="93" t="s">
        <v>497</v>
      </c>
      <c r="E1123" s="94" t="s">
        <v>709</v>
      </c>
      <c r="F1123" s="95" t="s">
        <v>48</v>
      </c>
    </row>
    <row r="1124" spans="1:7" customFormat="1" ht="14.65" customHeight="1">
      <c r="A1124" s="92" t="s">
        <v>433</v>
      </c>
      <c r="B1124" s="135">
        <v>2284421</v>
      </c>
      <c r="C1124" s="93" t="s">
        <v>493</v>
      </c>
      <c r="D1124" s="93" t="s">
        <v>498</v>
      </c>
      <c r="E1124" s="94" t="s">
        <v>711</v>
      </c>
      <c r="F1124" s="95" t="s">
        <v>48</v>
      </c>
    </row>
    <row r="1125" spans="1:7" customFormat="1" ht="14.65" customHeight="1">
      <c r="A1125" s="92" t="s">
        <v>433</v>
      </c>
      <c r="B1125" s="135">
        <v>2317451</v>
      </c>
      <c r="C1125" s="93" t="s">
        <v>493</v>
      </c>
      <c r="D1125" s="93" t="s">
        <v>499</v>
      </c>
      <c r="E1125" s="94" t="s">
        <v>701</v>
      </c>
      <c r="F1125" s="95" t="s">
        <v>48</v>
      </c>
    </row>
    <row r="1126" spans="1:7" customFormat="1" ht="14.65" customHeight="1">
      <c r="A1126" s="92" t="s">
        <v>433</v>
      </c>
      <c r="B1126" s="135">
        <v>2330954</v>
      </c>
      <c r="C1126" s="93" t="s">
        <v>493</v>
      </c>
      <c r="D1126" s="93" t="s">
        <v>500</v>
      </c>
      <c r="E1126" s="94" t="s">
        <v>695</v>
      </c>
      <c r="F1126" s="95" t="s">
        <v>48</v>
      </c>
    </row>
    <row r="1127" spans="1:7" customFormat="1" ht="14.65" customHeight="1">
      <c r="A1127" s="92" t="s">
        <v>433</v>
      </c>
      <c r="B1127" s="135">
        <v>2356546</v>
      </c>
      <c r="C1127" s="93" t="s">
        <v>493</v>
      </c>
      <c r="D1127" s="93" t="s">
        <v>501</v>
      </c>
      <c r="E1127" s="94" t="s">
        <v>713</v>
      </c>
      <c r="F1127" s="95" t="s">
        <v>48</v>
      </c>
    </row>
    <row r="1128" spans="1:7" customFormat="1" ht="14.65" customHeight="1">
      <c r="A1128" s="92" t="s">
        <v>433</v>
      </c>
      <c r="B1128" s="135">
        <v>2389703</v>
      </c>
      <c r="C1128" s="93" t="s">
        <v>493</v>
      </c>
      <c r="D1128" s="93" t="s">
        <v>501</v>
      </c>
      <c r="E1128" s="94" t="s">
        <v>717</v>
      </c>
      <c r="F1128" s="95" t="s">
        <v>48</v>
      </c>
    </row>
    <row r="1129" spans="1:7" customFormat="1" ht="14.65" customHeight="1">
      <c r="A1129" s="92" t="s">
        <v>433</v>
      </c>
      <c r="B1129" s="135">
        <v>2432048</v>
      </c>
      <c r="C1129" s="93" t="s">
        <v>493</v>
      </c>
      <c r="D1129" s="93" t="s">
        <v>502</v>
      </c>
      <c r="E1129" s="100" t="s">
        <v>699</v>
      </c>
      <c r="F1129" s="95" t="s">
        <v>48</v>
      </c>
    </row>
    <row r="1130" spans="1:7" customFormat="1" ht="14.65" customHeight="1">
      <c r="A1130" s="92" t="s">
        <v>433</v>
      </c>
      <c r="B1130" s="135">
        <v>2243824</v>
      </c>
      <c r="C1130" s="93" t="s">
        <v>493</v>
      </c>
      <c r="D1130" s="93" t="s">
        <v>503</v>
      </c>
      <c r="E1130" s="100" t="s">
        <v>710</v>
      </c>
      <c r="F1130" s="95" t="s">
        <v>48</v>
      </c>
    </row>
    <row r="1131" spans="1:7" customFormat="1" ht="14.65" customHeight="1">
      <c r="A1131" s="92" t="s">
        <v>433</v>
      </c>
      <c r="B1131" s="135">
        <v>2458977</v>
      </c>
      <c r="C1131" s="93" t="s">
        <v>493</v>
      </c>
      <c r="D1131" s="93" t="s">
        <v>504</v>
      </c>
      <c r="E1131" s="100" t="s">
        <v>686</v>
      </c>
      <c r="F1131" s="95" t="s">
        <v>48</v>
      </c>
    </row>
    <row r="1132" spans="1:7" customFormat="1" ht="14.65" customHeight="1">
      <c r="A1132" s="92" t="s">
        <v>433</v>
      </c>
      <c r="B1132" s="135">
        <v>2468700</v>
      </c>
      <c r="C1132" s="93" t="s">
        <v>493</v>
      </c>
      <c r="D1132" s="93" t="s">
        <v>505</v>
      </c>
      <c r="E1132" s="100" t="s">
        <v>712</v>
      </c>
      <c r="F1132" s="95" t="s">
        <v>48</v>
      </c>
    </row>
    <row r="1133" spans="1:7" customFormat="1" ht="14.65" customHeight="1">
      <c r="A1133" s="104" t="s">
        <v>433</v>
      </c>
      <c r="B1133" s="136">
        <v>2440644</v>
      </c>
      <c r="C1133" s="95" t="s">
        <v>493</v>
      </c>
      <c r="D1133" s="95" t="s">
        <v>600</v>
      </c>
      <c r="E1133" s="99" t="s">
        <v>681</v>
      </c>
      <c r="F1133" s="95" t="s">
        <v>48</v>
      </c>
    </row>
    <row r="1134" spans="1:7" customFormat="1" ht="14.65" customHeight="1">
      <c r="A1134" s="104" t="s">
        <v>433</v>
      </c>
      <c r="B1134" s="143">
        <v>2476274</v>
      </c>
      <c r="C1134" s="98" t="s">
        <v>493</v>
      </c>
      <c r="D1134" s="98" t="s">
        <v>651</v>
      </c>
      <c r="E1134" s="105" t="s">
        <v>698</v>
      </c>
      <c r="F1134" s="95" t="s">
        <v>48</v>
      </c>
    </row>
    <row r="1135" spans="1:7" customFormat="1" ht="14.65" customHeight="1">
      <c r="A1135" s="104" t="s">
        <v>433</v>
      </c>
      <c r="B1135" s="178">
        <v>2535653</v>
      </c>
      <c r="C1135" s="180" t="s">
        <v>493</v>
      </c>
      <c r="D1135" s="180" t="s">
        <v>730</v>
      </c>
      <c r="E1135" s="181" t="s">
        <v>703</v>
      </c>
      <c r="F1135" s="95" t="s">
        <v>48</v>
      </c>
      <c r="G1135" s="185"/>
    </row>
    <row r="1136" spans="1:7" customFormat="1" ht="14.65" customHeight="1">
      <c r="A1136" s="92"/>
      <c r="B1136" s="135"/>
      <c r="C1136" s="93"/>
      <c r="D1136" s="93"/>
      <c r="E1136" s="94"/>
      <c r="F1136" s="95"/>
    </row>
    <row r="1137" spans="1:7" customFormat="1" ht="14.65" customHeight="1">
      <c r="A1137" s="92" t="s">
        <v>433</v>
      </c>
      <c r="B1137" s="135">
        <v>893757</v>
      </c>
      <c r="C1137" s="93" t="s">
        <v>506</v>
      </c>
      <c r="D1137" s="93" t="s">
        <v>507</v>
      </c>
      <c r="E1137" s="94" t="s">
        <v>691</v>
      </c>
      <c r="F1137" s="95" t="s">
        <v>48</v>
      </c>
    </row>
    <row r="1138" spans="1:7" customFormat="1" ht="14.65" customHeight="1">
      <c r="A1138" s="92" t="s">
        <v>433</v>
      </c>
      <c r="B1138" s="135">
        <v>2243507</v>
      </c>
      <c r="C1138" s="93" t="s">
        <v>506</v>
      </c>
      <c r="D1138" s="93" t="s">
        <v>495</v>
      </c>
      <c r="E1138" s="94" t="s">
        <v>683</v>
      </c>
      <c r="F1138" s="95" t="s">
        <v>48</v>
      </c>
    </row>
    <row r="1139" spans="1:7" customFormat="1" ht="14.65" customHeight="1">
      <c r="A1139" s="92" t="s">
        <v>433</v>
      </c>
      <c r="B1139" s="135">
        <v>2247009</v>
      </c>
      <c r="C1139" s="93" t="s">
        <v>506</v>
      </c>
      <c r="D1139" s="93" t="s">
        <v>496</v>
      </c>
      <c r="E1139" s="94" t="s">
        <v>719</v>
      </c>
      <c r="F1139" s="95" t="s">
        <v>48</v>
      </c>
    </row>
    <row r="1140" spans="1:7" customFormat="1" ht="14.65" customHeight="1">
      <c r="A1140" s="92" t="s">
        <v>433</v>
      </c>
      <c r="B1140" s="135">
        <v>2247656</v>
      </c>
      <c r="C1140" s="93" t="s">
        <v>506</v>
      </c>
      <c r="D1140" s="93" t="s">
        <v>497</v>
      </c>
      <c r="E1140" s="94" t="s">
        <v>709</v>
      </c>
      <c r="F1140" s="95" t="s">
        <v>48</v>
      </c>
    </row>
    <row r="1141" spans="1:7" customFormat="1" ht="14.65" customHeight="1">
      <c r="A1141" s="92" t="s">
        <v>433</v>
      </c>
      <c r="B1141" s="135">
        <v>2284448</v>
      </c>
      <c r="C1141" s="93" t="s">
        <v>506</v>
      </c>
      <c r="D1141" s="93" t="s">
        <v>498</v>
      </c>
      <c r="E1141" s="94" t="s">
        <v>711</v>
      </c>
      <c r="F1141" s="95" t="s">
        <v>48</v>
      </c>
    </row>
    <row r="1142" spans="1:7" customFormat="1" ht="14.65" customHeight="1">
      <c r="A1142" s="92" t="s">
        <v>433</v>
      </c>
      <c r="B1142" s="135">
        <v>2317478</v>
      </c>
      <c r="C1142" s="93" t="s">
        <v>506</v>
      </c>
      <c r="D1142" s="93" t="s">
        <v>499</v>
      </c>
      <c r="E1142" s="94" t="s">
        <v>701</v>
      </c>
      <c r="F1142" s="95" t="s">
        <v>48</v>
      </c>
    </row>
    <row r="1143" spans="1:7" customFormat="1" ht="14.65" customHeight="1">
      <c r="A1143" s="92" t="s">
        <v>433</v>
      </c>
      <c r="B1143" s="135">
        <v>2330962</v>
      </c>
      <c r="C1143" s="93" t="s">
        <v>506</v>
      </c>
      <c r="D1143" s="93" t="s">
        <v>500</v>
      </c>
      <c r="E1143" s="94" t="s">
        <v>695</v>
      </c>
      <c r="F1143" s="95" t="s">
        <v>48</v>
      </c>
    </row>
    <row r="1144" spans="1:7" customFormat="1" ht="14.65" customHeight="1">
      <c r="A1144" s="92" t="s">
        <v>433</v>
      </c>
      <c r="B1144" s="135">
        <v>2356554</v>
      </c>
      <c r="C1144" s="93" t="s">
        <v>506</v>
      </c>
      <c r="D1144" s="93" t="s">
        <v>501</v>
      </c>
      <c r="E1144" s="94" t="s">
        <v>713</v>
      </c>
      <c r="F1144" s="95" t="s">
        <v>48</v>
      </c>
    </row>
    <row r="1145" spans="1:7" customFormat="1" ht="14.65" customHeight="1">
      <c r="A1145" s="92" t="s">
        <v>433</v>
      </c>
      <c r="B1145" s="135">
        <v>2389738</v>
      </c>
      <c r="C1145" s="93" t="s">
        <v>506</v>
      </c>
      <c r="D1145" s="93" t="s">
        <v>501</v>
      </c>
      <c r="E1145" s="94" t="s">
        <v>717</v>
      </c>
      <c r="F1145" s="95" t="s">
        <v>48</v>
      </c>
    </row>
    <row r="1146" spans="1:7" customFormat="1" ht="14.65" customHeight="1">
      <c r="A1146" s="92" t="s">
        <v>433</v>
      </c>
      <c r="B1146" s="135">
        <v>2432056</v>
      </c>
      <c r="C1146" s="93" t="s">
        <v>506</v>
      </c>
      <c r="D1146" s="93" t="s">
        <v>508</v>
      </c>
      <c r="E1146" s="100" t="s">
        <v>699</v>
      </c>
      <c r="F1146" s="95" t="s">
        <v>48</v>
      </c>
    </row>
    <row r="1147" spans="1:7" customFormat="1" ht="14.65" customHeight="1">
      <c r="A1147" s="92" t="s">
        <v>433</v>
      </c>
      <c r="B1147" s="135">
        <v>2458985</v>
      </c>
      <c r="C1147" s="93" t="s">
        <v>506</v>
      </c>
      <c r="D1147" s="93" t="s">
        <v>504</v>
      </c>
      <c r="E1147" s="100" t="s">
        <v>686</v>
      </c>
      <c r="F1147" s="95" t="s">
        <v>48</v>
      </c>
    </row>
    <row r="1148" spans="1:7" customFormat="1" ht="14.65" customHeight="1">
      <c r="A1148" s="92" t="s">
        <v>433</v>
      </c>
      <c r="B1148" s="135">
        <v>2468719</v>
      </c>
      <c r="C1148" s="93" t="s">
        <v>506</v>
      </c>
      <c r="D1148" s="93" t="s">
        <v>505</v>
      </c>
      <c r="E1148" s="100" t="s">
        <v>712</v>
      </c>
      <c r="F1148" s="95" t="s">
        <v>48</v>
      </c>
    </row>
    <row r="1149" spans="1:7" customFormat="1" ht="14.65" customHeight="1">
      <c r="A1149" s="104" t="s">
        <v>433</v>
      </c>
      <c r="B1149" s="136">
        <v>2440652</v>
      </c>
      <c r="C1149" s="95" t="s">
        <v>506</v>
      </c>
      <c r="D1149" s="95" t="s">
        <v>600</v>
      </c>
      <c r="E1149" s="99" t="s">
        <v>681</v>
      </c>
      <c r="F1149" s="95" t="s">
        <v>48</v>
      </c>
    </row>
    <row r="1150" spans="1:7" customFormat="1" ht="14.65" customHeight="1">
      <c r="A1150" s="104" t="s">
        <v>433</v>
      </c>
      <c r="B1150" s="143">
        <v>2476282</v>
      </c>
      <c r="C1150" s="98" t="s">
        <v>506</v>
      </c>
      <c r="D1150" s="98" t="s">
        <v>651</v>
      </c>
      <c r="E1150" s="105" t="s">
        <v>698</v>
      </c>
      <c r="F1150" s="95" t="s">
        <v>48</v>
      </c>
    </row>
    <row r="1151" spans="1:7" customFormat="1" ht="14.65" customHeight="1">
      <c r="A1151" s="104" t="s">
        <v>433</v>
      </c>
      <c r="B1151" s="178">
        <v>2535661</v>
      </c>
      <c r="C1151" s="180" t="s">
        <v>506</v>
      </c>
      <c r="D1151" s="180" t="s">
        <v>730</v>
      </c>
      <c r="E1151" s="181" t="s">
        <v>703</v>
      </c>
      <c r="F1151" s="95" t="s">
        <v>48</v>
      </c>
      <c r="G1151" s="185"/>
    </row>
    <row r="1152" spans="1:7" customFormat="1" ht="14.65" customHeight="1">
      <c r="A1152" s="92"/>
      <c r="B1152" s="135"/>
      <c r="C1152" s="93"/>
      <c r="D1152" s="93"/>
      <c r="E1152" s="94"/>
      <c r="F1152" s="95"/>
    </row>
    <row r="1153" spans="1:6" customFormat="1" ht="14.65" customHeight="1">
      <c r="A1153" s="92" t="s">
        <v>433</v>
      </c>
      <c r="B1153" s="135">
        <v>2222051</v>
      </c>
      <c r="C1153" s="93" t="s">
        <v>509</v>
      </c>
      <c r="D1153" s="93" t="s">
        <v>510</v>
      </c>
      <c r="E1153" s="94" t="s">
        <v>691</v>
      </c>
      <c r="F1153" s="95" t="s">
        <v>48</v>
      </c>
    </row>
    <row r="1154" spans="1:6" customFormat="1" ht="14.65" customHeight="1">
      <c r="A1154" s="92" t="s">
        <v>433</v>
      </c>
      <c r="B1154" s="135">
        <v>2243508</v>
      </c>
      <c r="C1154" s="93" t="s">
        <v>509</v>
      </c>
      <c r="D1154" s="93" t="s">
        <v>495</v>
      </c>
      <c r="E1154" s="94" t="s">
        <v>683</v>
      </c>
      <c r="F1154" s="95" t="s">
        <v>48</v>
      </c>
    </row>
    <row r="1155" spans="1:6" customFormat="1" ht="14.65" customHeight="1">
      <c r="A1155" s="92" t="s">
        <v>433</v>
      </c>
      <c r="B1155" s="135">
        <v>2247010</v>
      </c>
      <c r="C1155" s="93" t="s">
        <v>509</v>
      </c>
      <c r="D1155" s="93" t="s">
        <v>496</v>
      </c>
      <c r="E1155" s="94" t="s">
        <v>719</v>
      </c>
      <c r="F1155" s="95" t="s">
        <v>48</v>
      </c>
    </row>
    <row r="1156" spans="1:6" customFormat="1" ht="14.65" customHeight="1">
      <c r="A1156" s="92" t="s">
        <v>433</v>
      </c>
      <c r="B1156" s="135">
        <v>2247657</v>
      </c>
      <c r="C1156" s="93" t="s">
        <v>509</v>
      </c>
      <c r="D1156" s="93" t="s">
        <v>497</v>
      </c>
      <c r="E1156" s="94" t="s">
        <v>709</v>
      </c>
      <c r="F1156" s="95" t="s">
        <v>48</v>
      </c>
    </row>
    <row r="1157" spans="1:6" customFormat="1" ht="14.65" customHeight="1">
      <c r="A1157" s="92" t="s">
        <v>433</v>
      </c>
      <c r="B1157" s="135">
        <v>2284456</v>
      </c>
      <c r="C1157" s="93" t="s">
        <v>509</v>
      </c>
      <c r="D1157" s="93" t="s">
        <v>498</v>
      </c>
      <c r="E1157" s="94" t="s">
        <v>711</v>
      </c>
      <c r="F1157" s="95" t="s">
        <v>48</v>
      </c>
    </row>
    <row r="1158" spans="1:6" customFormat="1" ht="14.65" customHeight="1">
      <c r="A1158" s="92" t="s">
        <v>433</v>
      </c>
      <c r="B1158" s="135">
        <v>2317486</v>
      </c>
      <c r="C1158" s="93" t="s">
        <v>509</v>
      </c>
      <c r="D1158" s="93" t="s">
        <v>499</v>
      </c>
      <c r="E1158" s="94" t="s">
        <v>701</v>
      </c>
      <c r="F1158" s="95" t="s">
        <v>48</v>
      </c>
    </row>
    <row r="1159" spans="1:6" customFormat="1" ht="14.65" customHeight="1">
      <c r="A1159" s="92" t="s">
        <v>433</v>
      </c>
      <c r="B1159" s="135">
        <v>2330970</v>
      </c>
      <c r="C1159" s="93" t="s">
        <v>509</v>
      </c>
      <c r="D1159" s="93" t="s">
        <v>500</v>
      </c>
      <c r="E1159" s="94" t="s">
        <v>695</v>
      </c>
      <c r="F1159" s="95" t="s">
        <v>48</v>
      </c>
    </row>
    <row r="1160" spans="1:6" customFormat="1" ht="14.65" customHeight="1">
      <c r="A1160" s="92" t="s">
        <v>433</v>
      </c>
      <c r="B1160" s="135">
        <v>2356562</v>
      </c>
      <c r="C1160" s="93" t="s">
        <v>509</v>
      </c>
      <c r="D1160" s="93" t="s">
        <v>501</v>
      </c>
      <c r="E1160" s="94" t="s">
        <v>713</v>
      </c>
      <c r="F1160" s="95" t="s">
        <v>48</v>
      </c>
    </row>
    <row r="1161" spans="1:6" customFormat="1" ht="14.65" customHeight="1">
      <c r="A1161" s="92" t="s">
        <v>433</v>
      </c>
      <c r="B1161" s="135">
        <v>2389746</v>
      </c>
      <c r="C1161" s="93" t="s">
        <v>509</v>
      </c>
      <c r="D1161" s="93" t="s">
        <v>501</v>
      </c>
      <c r="E1161" s="94" t="s">
        <v>717</v>
      </c>
      <c r="F1161" s="95" t="s">
        <v>48</v>
      </c>
    </row>
    <row r="1162" spans="1:6" customFormat="1" ht="14.65" customHeight="1">
      <c r="A1162" s="92" t="s">
        <v>433</v>
      </c>
      <c r="B1162" s="135">
        <v>2243825</v>
      </c>
      <c r="C1162" s="93" t="s">
        <v>509</v>
      </c>
      <c r="D1162" s="93" t="s">
        <v>511</v>
      </c>
      <c r="E1162" s="100" t="s">
        <v>710</v>
      </c>
      <c r="F1162" s="95" t="s">
        <v>48</v>
      </c>
    </row>
    <row r="1163" spans="1:6" customFormat="1" ht="14.65" customHeight="1">
      <c r="A1163" s="92" t="s">
        <v>433</v>
      </c>
      <c r="B1163" s="135">
        <v>2432064</v>
      </c>
      <c r="C1163" s="93" t="s">
        <v>509</v>
      </c>
      <c r="D1163" s="93" t="s">
        <v>512</v>
      </c>
      <c r="E1163" s="100" t="s">
        <v>699</v>
      </c>
      <c r="F1163" s="95" t="s">
        <v>48</v>
      </c>
    </row>
    <row r="1164" spans="1:6" customFormat="1" ht="14.65" customHeight="1">
      <c r="A1164" s="92" t="s">
        <v>433</v>
      </c>
      <c r="B1164" s="135">
        <v>2243826</v>
      </c>
      <c r="C1164" s="93" t="s">
        <v>509</v>
      </c>
      <c r="D1164" s="93" t="s">
        <v>513</v>
      </c>
      <c r="E1164" s="100" t="s">
        <v>710</v>
      </c>
      <c r="F1164" s="95" t="s">
        <v>48</v>
      </c>
    </row>
    <row r="1165" spans="1:6" customFormat="1" ht="14.65" customHeight="1">
      <c r="A1165" s="92" t="s">
        <v>433</v>
      </c>
      <c r="B1165" s="135">
        <v>2458993</v>
      </c>
      <c r="C1165" s="93" t="s">
        <v>509</v>
      </c>
      <c r="D1165" s="93" t="s">
        <v>504</v>
      </c>
      <c r="E1165" s="100" t="s">
        <v>686</v>
      </c>
      <c r="F1165" s="95" t="s">
        <v>48</v>
      </c>
    </row>
    <row r="1166" spans="1:6" customFormat="1" ht="14.65" customHeight="1">
      <c r="A1166" s="92" t="s">
        <v>433</v>
      </c>
      <c r="B1166" s="135">
        <v>2468727</v>
      </c>
      <c r="C1166" s="93" t="s">
        <v>509</v>
      </c>
      <c r="D1166" s="93" t="s">
        <v>505</v>
      </c>
      <c r="E1166" s="100" t="s">
        <v>712</v>
      </c>
      <c r="F1166" s="95" t="s">
        <v>48</v>
      </c>
    </row>
    <row r="1167" spans="1:6" customFormat="1" ht="14.65" customHeight="1">
      <c r="A1167" s="104" t="s">
        <v>433</v>
      </c>
      <c r="B1167" s="136">
        <v>2440660</v>
      </c>
      <c r="C1167" s="95" t="s">
        <v>509</v>
      </c>
      <c r="D1167" s="95" t="s">
        <v>600</v>
      </c>
      <c r="E1167" s="99" t="s">
        <v>681</v>
      </c>
      <c r="F1167" s="95" t="s">
        <v>48</v>
      </c>
    </row>
    <row r="1168" spans="1:6" customFormat="1" ht="14.65" customHeight="1">
      <c r="A1168" s="104" t="s">
        <v>433</v>
      </c>
      <c r="B1168" s="143">
        <v>2476290</v>
      </c>
      <c r="C1168" s="98" t="s">
        <v>509</v>
      </c>
      <c r="D1168" s="98" t="s">
        <v>651</v>
      </c>
      <c r="E1168" s="105" t="s">
        <v>698</v>
      </c>
      <c r="F1168" s="95" t="s">
        <v>48</v>
      </c>
    </row>
    <row r="1169" spans="1:10" customFormat="1" ht="14.65" customHeight="1">
      <c r="A1169" s="104" t="s">
        <v>433</v>
      </c>
      <c r="B1169" s="136">
        <v>2535688</v>
      </c>
      <c r="C1169" s="98" t="s">
        <v>509</v>
      </c>
      <c r="D1169" s="98" t="s">
        <v>730</v>
      </c>
      <c r="E1169" s="97" t="s">
        <v>703</v>
      </c>
      <c r="F1169" s="95" t="s">
        <v>48</v>
      </c>
      <c r="G1169" s="185"/>
      <c r="I1169" s="11"/>
      <c r="J1169" s="11"/>
    </row>
    <row r="1170" spans="1:10" customFormat="1" ht="14.65" customHeight="1">
      <c r="A1170" s="92"/>
      <c r="B1170" s="135"/>
      <c r="C1170" s="93"/>
      <c r="D1170" s="93"/>
      <c r="E1170" s="94"/>
      <c r="F1170" s="95"/>
    </row>
    <row r="1171" spans="1:10" customFormat="1" ht="14.65" customHeight="1">
      <c r="A1171" s="92" t="s">
        <v>433</v>
      </c>
      <c r="B1171" s="135">
        <v>884324</v>
      </c>
      <c r="C1171" s="93" t="s">
        <v>514</v>
      </c>
      <c r="D1171" s="93" t="s">
        <v>515</v>
      </c>
      <c r="E1171" s="94" t="s">
        <v>700</v>
      </c>
      <c r="F1171" s="95" t="s">
        <v>48</v>
      </c>
    </row>
    <row r="1172" spans="1:10" customFormat="1" ht="14.65" customHeight="1">
      <c r="A1172" s="92" t="s">
        <v>433</v>
      </c>
      <c r="B1172" s="135">
        <v>2247011</v>
      </c>
      <c r="C1172" s="93" t="s">
        <v>514</v>
      </c>
      <c r="D1172" s="93" t="s">
        <v>516</v>
      </c>
      <c r="E1172" s="94" t="s">
        <v>683</v>
      </c>
      <c r="F1172" s="95" t="s">
        <v>48</v>
      </c>
    </row>
    <row r="1173" spans="1:10" customFormat="1" ht="14.65" customHeight="1">
      <c r="A1173" s="92" t="s">
        <v>433</v>
      </c>
      <c r="B1173" s="135">
        <v>2250144</v>
      </c>
      <c r="C1173" s="93" t="s">
        <v>514</v>
      </c>
      <c r="D1173" s="93" t="s">
        <v>517</v>
      </c>
      <c r="E1173" s="94" t="s">
        <v>719</v>
      </c>
      <c r="F1173" s="95" t="s">
        <v>48</v>
      </c>
    </row>
    <row r="1174" spans="1:10" customFormat="1" ht="14.65" customHeight="1">
      <c r="A1174" s="92" t="s">
        <v>433</v>
      </c>
      <c r="B1174" s="135">
        <v>2329131</v>
      </c>
      <c r="C1174" s="93" t="s">
        <v>514</v>
      </c>
      <c r="D1174" s="93" t="s">
        <v>622</v>
      </c>
      <c r="E1174" s="94" t="s">
        <v>711</v>
      </c>
      <c r="F1174" s="95" t="s">
        <v>48</v>
      </c>
    </row>
    <row r="1175" spans="1:10" customFormat="1" ht="14.65" customHeight="1">
      <c r="A1175" s="92" t="s">
        <v>433</v>
      </c>
      <c r="B1175" s="135">
        <v>2372932</v>
      </c>
      <c r="C1175" s="93" t="s">
        <v>514</v>
      </c>
      <c r="D1175" s="93" t="s">
        <v>518</v>
      </c>
      <c r="E1175" s="94" t="s">
        <v>701</v>
      </c>
      <c r="F1175" s="95" t="s">
        <v>48</v>
      </c>
    </row>
    <row r="1176" spans="1:10" customFormat="1" ht="14.65" customHeight="1">
      <c r="A1176" s="92" t="s">
        <v>433</v>
      </c>
      <c r="B1176" s="135">
        <v>2375591</v>
      </c>
      <c r="C1176" s="93" t="s">
        <v>514</v>
      </c>
      <c r="D1176" s="93" t="s">
        <v>519</v>
      </c>
      <c r="E1176" s="94" t="s">
        <v>695</v>
      </c>
      <c r="F1176" s="95" t="s">
        <v>48</v>
      </c>
    </row>
    <row r="1177" spans="1:10" customFormat="1" ht="14.65" customHeight="1">
      <c r="A1177" s="92" t="s">
        <v>433</v>
      </c>
      <c r="B1177" s="135">
        <v>2386291</v>
      </c>
      <c r="C1177" s="93" t="s">
        <v>514</v>
      </c>
      <c r="D1177" s="93" t="s">
        <v>520</v>
      </c>
      <c r="E1177" s="94" t="s">
        <v>717</v>
      </c>
      <c r="F1177" s="95" t="s">
        <v>48</v>
      </c>
    </row>
    <row r="1178" spans="1:10" customFormat="1" ht="14.65" customHeight="1">
      <c r="A1178" s="92" t="s">
        <v>433</v>
      </c>
      <c r="B1178" s="135">
        <v>2405148</v>
      </c>
      <c r="C1178" s="93" t="s">
        <v>514</v>
      </c>
      <c r="D1178" s="93" t="s">
        <v>521</v>
      </c>
      <c r="E1178" s="94" t="s">
        <v>686</v>
      </c>
      <c r="F1178" s="95" t="s">
        <v>48</v>
      </c>
    </row>
    <row r="1179" spans="1:10" customFormat="1" ht="14.65" customHeight="1">
      <c r="A1179" s="92" t="s">
        <v>433</v>
      </c>
      <c r="B1179" s="135">
        <v>2469979</v>
      </c>
      <c r="C1179" s="93" t="s">
        <v>514</v>
      </c>
      <c r="D1179" s="93" t="s">
        <v>522</v>
      </c>
      <c r="E1179" s="94" t="s">
        <v>709</v>
      </c>
      <c r="F1179" s="95" t="s">
        <v>48</v>
      </c>
    </row>
    <row r="1180" spans="1:10" customFormat="1" ht="14.65" customHeight="1">
      <c r="A1180" s="104" t="s">
        <v>433</v>
      </c>
      <c r="B1180" s="138">
        <v>2284723</v>
      </c>
      <c r="C1180" s="95" t="s">
        <v>514</v>
      </c>
      <c r="D1180" s="115" t="s">
        <v>520</v>
      </c>
      <c r="E1180" s="105" t="s">
        <v>713</v>
      </c>
      <c r="F1180" s="95" t="s">
        <v>48</v>
      </c>
    </row>
    <row r="1181" spans="1:10" customFormat="1" ht="14.65" customHeight="1">
      <c r="A1181" s="104" t="s">
        <v>433</v>
      </c>
      <c r="B1181" s="138">
        <v>2549638</v>
      </c>
      <c r="C1181" s="95" t="s">
        <v>514</v>
      </c>
      <c r="D1181" s="115" t="s">
        <v>729</v>
      </c>
      <c r="E1181" s="105" t="s">
        <v>709</v>
      </c>
      <c r="F1181" s="95" t="s">
        <v>48</v>
      </c>
      <c r="G1181" s="186"/>
    </row>
    <row r="1182" spans="1:10" customFormat="1" ht="14.65" customHeight="1">
      <c r="A1182" s="97"/>
      <c r="B1182" s="136"/>
      <c r="C1182" s="98"/>
      <c r="D1182" s="98"/>
      <c r="E1182" s="99"/>
      <c r="F1182" s="95"/>
    </row>
    <row r="1183" spans="1:10" customFormat="1" ht="14.65" customHeight="1">
      <c r="A1183" s="92" t="s">
        <v>433</v>
      </c>
      <c r="B1183" s="135">
        <v>884332</v>
      </c>
      <c r="C1183" s="93" t="s">
        <v>523</v>
      </c>
      <c r="D1183" s="93" t="s">
        <v>515</v>
      </c>
      <c r="E1183" s="94" t="s">
        <v>700</v>
      </c>
      <c r="F1183" s="95" t="s">
        <v>48</v>
      </c>
    </row>
    <row r="1184" spans="1:10" customFormat="1" ht="14.65" customHeight="1">
      <c r="A1184" s="92" t="s">
        <v>433</v>
      </c>
      <c r="B1184" s="135">
        <v>2247012</v>
      </c>
      <c r="C1184" s="93" t="s">
        <v>523</v>
      </c>
      <c r="D1184" s="93" t="s">
        <v>516</v>
      </c>
      <c r="E1184" s="94" t="s">
        <v>683</v>
      </c>
      <c r="F1184" s="95" t="s">
        <v>48</v>
      </c>
    </row>
    <row r="1185" spans="1:7" customFormat="1" ht="14.65" customHeight="1">
      <c r="A1185" s="92" t="s">
        <v>433</v>
      </c>
      <c r="B1185" s="135">
        <v>2250152</v>
      </c>
      <c r="C1185" s="93" t="s">
        <v>523</v>
      </c>
      <c r="D1185" s="93" t="s">
        <v>517</v>
      </c>
      <c r="E1185" s="94" t="s">
        <v>719</v>
      </c>
      <c r="F1185" s="95" t="s">
        <v>48</v>
      </c>
    </row>
    <row r="1186" spans="1:7" customFormat="1" ht="14.65" customHeight="1">
      <c r="A1186" s="92" t="s">
        <v>433</v>
      </c>
      <c r="B1186" s="135">
        <v>2329158</v>
      </c>
      <c r="C1186" s="93" t="s">
        <v>523</v>
      </c>
      <c r="D1186" s="93" t="s">
        <v>622</v>
      </c>
      <c r="E1186" s="94" t="s">
        <v>711</v>
      </c>
      <c r="F1186" s="95" t="s">
        <v>48</v>
      </c>
    </row>
    <row r="1187" spans="1:7" customFormat="1" ht="14.65" customHeight="1">
      <c r="A1187" s="92" t="s">
        <v>433</v>
      </c>
      <c r="B1187" s="135">
        <v>2372940</v>
      </c>
      <c r="C1187" s="93" t="s">
        <v>523</v>
      </c>
      <c r="D1187" s="93" t="s">
        <v>518</v>
      </c>
      <c r="E1187" s="94" t="s">
        <v>701</v>
      </c>
      <c r="F1187" s="95" t="s">
        <v>48</v>
      </c>
    </row>
    <row r="1188" spans="1:7" customFormat="1" ht="14.65" customHeight="1">
      <c r="A1188" s="92" t="s">
        <v>433</v>
      </c>
      <c r="B1188" s="135">
        <v>2375044</v>
      </c>
      <c r="C1188" s="93" t="s">
        <v>523</v>
      </c>
      <c r="D1188" s="93" t="s">
        <v>524</v>
      </c>
      <c r="E1188" s="94" t="s">
        <v>699</v>
      </c>
      <c r="F1188" s="95" t="s">
        <v>48</v>
      </c>
    </row>
    <row r="1189" spans="1:7" customFormat="1" ht="14.65" customHeight="1">
      <c r="A1189" s="92" t="s">
        <v>433</v>
      </c>
      <c r="B1189" s="135">
        <v>2375605</v>
      </c>
      <c r="C1189" s="93" t="s">
        <v>523</v>
      </c>
      <c r="D1189" s="93" t="s">
        <v>519</v>
      </c>
      <c r="E1189" s="94" t="s">
        <v>695</v>
      </c>
      <c r="F1189" s="95" t="s">
        <v>48</v>
      </c>
    </row>
    <row r="1190" spans="1:7" customFormat="1" ht="14.65" customHeight="1">
      <c r="A1190" s="92" t="s">
        <v>433</v>
      </c>
      <c r="B1190" s="135">
        <v>2386305</v>
      </c>
      <c r="C1190" s="93" t="s">
        <v>523</v>
      </c>
      <c r="D1190" s="93" t="s">
        <v>520</v>
      </c>
      <c r="E1190" s="94" t="s">
        <v>717</v>
      </c>
      <c r="F1190" s="95" t="s">
        <v>48</v>
      </c>
    </row>
    <row r="1191" spans="1:7" customFormat="1" ht="14.65" customHeight="1">
      <c r="A1191" s="92" t="s">
        <v>433</v>
      </c>
      <c r="B1191" s="135">
        <v>2405156</v>
      </c>
      <c r="C1191" s="93" t="s">
        <v>523</v>
      </c>
      <c r="D1191" s="93" t="s">
        <v>521</v>
      </c>
      <c r="E1191" s="94" t="s">
        <v>686</v>
      </c>
      <c r="F1191" s="95" t="s">
        <v>48</v>
      </c>
    </row>
    <row r="1192" spans="1:7" customFormat="1" ht="14.65" customHeight="1">
      <c r="A1192" s="92" t="s">
        <v>433</v>
      </c>
      <c r="B1192" s="135">
        <v>2247221</v>
      </c>
      <c r="C1192" s="93" t="s">
        <v>523</v>
      </c>
      <c r="D1192" s="93" t="s">
        <v>525</v>
      </c>
      <c r="E1192" s="100" t="s">
        <v>710</v>
      </c>
      <c r="F1192" s="95" t="s">
        <v>48</v>
      </c>
    </row>
    <row r="1193" spans="1:7" customFormat="1" ht="14.65" customHeight="1">
      <c r="A1193" s="92" t="s">
        <v>433</v>
      </c>
      <c r="B1193" s="135">
        <v>2469987</v>
      </c>
      <c r="C1193" s="93" t="s">
        <v>523</v>
      </c>
      <c r="D1193" s="93" t="s">
        <v>522</v>
      </c>
      <c r="E1193" s="100" t="s">
        <v>709</v>
      </c>
      <c r="F1193" s="95" t="s">
        <v>48</v>
      </c>
    </row>
    <row r="1194" spans="1:7" customFormat="1" ht="14.65" customHeight="1">
      <c r="A1194" s="104" t="s">
        <v>433</v>
      </c>
      <c r="B1194" s="136">
        <v>2284731</v>
      </c>
      <c r="C1194" s="95" t="s">
        <v>523</v>
      </c>
      <c r="D1194" s="98" t="s">
        <v>520</v>
      </c>
      <c r="E1194" s="105" t="s">
        <v>713</v>
      </c>
      <c r="F1194" s="95" t="s">
        <v>48</v>
      </c>
    </row>
    <row r="1195" spans="1:7" customFormat="1" ht="14.65" customHeight="1">
      <c r="A1195" s="104" t="s">
        <v>433</v>
      </c>
      <c r="B1195" s="138">
        <v>2549646</v>
      </c>
      <c r="C1195" s="95" t="s">
        <v>523</v>
      </c>
      <c r="D1195" s="115" t="s">
        <v>729</v>
      </c>
      <c r="E1195" s="105" t="s">
        <v>709</v>
      </c>
      <c r="F1195" s="95" t="s">
        <v>48</v>
      </c>
      <c r="G1195" s="186"/>
    </row>
    <row r="1196" spans="1:7" customFormat="1" ht="14.65" customHeight="1">
      <c r="A1196" s="92"/>
      <c r="B1196" s="135"/>
      <c r="C1196" s="93"/>
      <c r="D1196" s="93"/>
      <c r="E1196" s="94"/>
      <c r="F1196" s="95"/>
    </row>
    <row r="1197" spans="1:7" customFormat="1" ht="14.65" customHeight="1">
      <c r="A1197" s="92" t="s">
        <v>433</v>
      </c>
      <c r="B1197" s="135">
        <v>884340</v>
      </c>
      <c r="C1197" s="93" t="s">
        <v>526</v>
      </c>
      <c r="D1197" s="93" t="s">
        <v>515</v>
      </c>
      <c r="E1197" s="94" t="s">
        <v>700</v>
      </c>
      <c r="F1197" s="95" t="s">
        <v>48</v>
      </c>
    </row>
    <row r="1198" spans="1:7" customFormat="1" ht="14.65" customHeight="1">
      <c r="A1198" s="92" t="s">
        <v>433</v>
      </c>
      <c r="B1198" s="135">
        <v>2247013</v>
      </c>
      <c r="C1198" s="93" t="s">
        <v>526</v>
      </c>
      <c r="D1198" s="93" t="s">
        <v>516</v>
      </c>
      <c r="E1198" s="94" t="s">
        <v>683</v>
      </c>
      <c r="F1198" s="95" t="s">
        <v>48</v>
      </c>
    </row>
    <row r="1199" spans="1:7" customFormat="1" ht="14.65" customHeight="1">
      <c r="A1199" s="92" t="s">
        <v>433</v>
      </c>
      <c r="B1199" s="135">
        <v>2250160</v>
      </c>
      <c r="C1199" s="93" t="s">
        <v>526</v>
      </c>
      <c r="D1199" s="93" t="s">
        <v>517</v>
      </c>
      <c r="E1199" s="94" t="s">
        <v>719</v>
      </c>
      <c r="F1199" s="95" t="s">
        <v>48</v>
      </c>
    </row>
    <row r="1200" spans="1:7" customFormat="1" ht="14.65" customHeight="1">
      <c r="A1200" s="92" t="s">
        <v>433</v>
      </c>
      <c r="B1200" s="135">
        <v>2329166</v>
      </c>
      <c r="C1200" s="93" t="s">
        <v>526</v>
      </c>
      <c r="D1200" s="93" t="s">
        <v>622</v>
      </c>
      <c r="E1200" s="94" t="s">
        <v>711</v>
      </c>
      <c r="F1200" s="95" t="s">
        <v>48</v>
      </c>
    </row>
    <row r="1201" spans="1:7" customFormat="1" ht="14.65" customHeight="1">
      <c r="A1201" s="92" t="s">
        <v>433</v>
      </c>
      <c r="B1201" s="135">
        <v>2372959</v>
      </c>
      <c r="C1201" s="93" t="s">
        <v>526</v>
      </c>
      <c r="D1201" s="93" t="s">
        <v>518</v>
      </c>
      <c r="E1201" s="94" t="s">
        <v>701</v>
      </c>
      <c r="F1201" s="95" t="s">
        <v>48</v>
      </c>
    </row>
    <row r="1202" spans="1:7" customFormat="1" ht="14.65" customHeight="1">
      <c r="A1202" s="92" t="s">
        <v>433</v>
      </c>
      <c r="B1202" s="135">
        <v>2375613</v>
      </c>
      <c r="C1202" s="93" t="s">
        <v>526</v>
      </c>
      <c r="D1202" s="93" t="s">
        <v>519</v>
      </c>
      <c r="E1202" s="94" t="s">
        <v>695</v>
      </c>
      <c r="F1202" s="95" t="s">
        <v>48</v>
      </c>
    </row>
    <row r="1203" spans="1:7" customFormat="1" ht="14.65" customHeight="1">
      <c r="A1203" s="92" t="s">
        <v>433</v>
      </c>
      <c r="B1203" s="135">
        <v>2386313</v>
      </c>
      <c r="C1203" s="93" t="s">
        <v>526</v>
      </c>
      <c r="D1203" s="93" t="s">
        <v>520</v>
      </c>
      <c r="E1203" s="94" t="s">
        <v>717</v>
      </c>
      <c r="F1203" s="95" t="s">
        <v>48</v>
      </c>
    </row>
    <row r="1204" spans="1:7" customFormat="1" ht="14.65" customHeight="1">
      <c r="A1204" s="92" t="s">
        <v>433</v>
      </c>
      <c r="B1204" s="135">
        <v>2405164</v>
      </c>
      <c r="C1204" s="93" t="s">
        <v>526</v>
      </c>
      <c r="D1204" s="93" t="s">
        <v>521</v>
      </c>
      <c r="E1204" s="94" t="s">
        <v>686</v>
      </c>
      <c r="F1204" s="95" t="s">
        <v>48</v>
      </c>
    </row>
    <row r="1205" spans="1:7" customFormat="1" ht="14.65" customHeight="1">
      <c r="A1205" s="92" t="s">
        <v>433</v>
      </c>
      <c r="B1205" s="135">
        <v>2469995</v>
      </c>
      <c r="C1205" s="93" t="s">
        <v>526</v>
      </c>
      <c r="D1205" s="93" t="s">
        <v>522</v>
      </c>
      <c r="E1205" s="100" t="s">
        <v>709</v>
      </c>
      <c r="F1205" s="95" t="s">
        <v>48</v>
      </c>
    </row>
    <row r="1206" spans="1:7" customFormat="1" ht="14.65" customHeight="1">
      <c r="A1206" s="92" t="s">
        <v>433</v>
      </c>
      <c r="B1206" s="135">
        <v>2247222</v>
      </c>
      <c r="C1206" s="93" t="s">
        <v>526</v>
      </c>
      <c r="D1206" s="93" t="s">
        <v>527</v>
      </c>
      <c r="E1206" s="100" t="s">
        <v>710</v>
      </c>
      <c r="F1206" s="95" t="s">
        <v>48</v>
      </c>
    </row>
    <row r="1207" spans="1:7" customFormat="1" ht="14.65" customHeight="1">
      <c r="A1207" s="104" t="s">
        <v>433</v>
      </c>
      <c r="B1207" s="136">
        <v>2284758</v>
      </c>
      <c r="C1207" s="95" t="s">
        <v>526</v>
      </c>
      <c r="D1207" s="98" t="s">
        <v>520</v>
      </c>
      <c r="E1207" s="105" t="s">
        <v>713</v>
      </c>
      <c r="F1207" s="95" t="s">
        <v>48</v>
      </c>
    </row>
    <row r="1208" spans="1:7" customFormat="1" ht="14.65" customHeight="1">
      <c r="A1208" s="104" t="s">
        <v>433</v>
      </c>
      <c r="B1208" s="143">
        <v>2375052</v>
      </c>
      <c r="C1208" s="98" t="s">
        <v>526</v>
      </c>
      <c r="D1208" s="98" t="s">
        <v>524</v>
      </c>
      <c r="E1208" s="187" t="s">
        <v>699</v>
      </c>
      <c r="F1208" s="95" t="s">
        <v>48</v>
      </c>
    </row>
    <row r="1209" spans="1:7" customFormat="1" ht="14.65" customHeight="1">
      <c r="A1209" s="104" t="s">
        <v>433</v>
      </c>
      <c r="B1209" s="138">
        <v>2549654</v>
      </c>
      <c r="C1209" s="95" t="s">
        <v>526</v>
      </c>
      <c r="D1209" s="115" t="s">
        <v>729</v>
      </c>
      <c r="E1209" s="105" t="s">
        <v>709</v>
      </c>
      <c r="F1209" s="95" t="s">
        <v>48</v>
      </c>
      <c r="G1209" s="186"/>
    </row>
    <row r="1210" spans="1:7" customFormat="1" ht="14.65" customHeight="1">
      <c r="A1210" s="92"/>
      <c r="B1210" s="135"/>
      <c r="C1210" s="93"/>
      <c r="D1210" s="93"/>
      <c r="E1210" s="94"/>
      <c r="F1210" s="95"/>
    </row>
    <row r="1211" spans="1:7" customFormat="1" ht="14.65" customHeight="1">
      <c r="A1211" s="92" t="s">
        <v>433</v>
      </c>
      <c r="B1211" s="135">
        <v>884359</v>
      </c>
      <c r="C1211" s="93" t="s">
        <v>528</v>
      </c>
      <c r="D1211" s="93" t="s">
        <v>515</v>
      </c>
      <c r="E1211" s="94" t="s">
        <v>700</v>
      </c>
      <c r="F1211" s="95" t="s">
        <v>48</v>
      </c>
    </row>
    <row r="1212" spans="1:7" customFormat="1" ht="14.65" customHeight="1">
      <c r="A1212" s="92" t="s">
        <v>433</v>
      </c>
      <c r="B1212" s="135">
        <v>2247014</v>
      </c>
      <c r="C1212" s="93" t="s">
        <v>528</v>
      </c>
      <c r="D1212" s="93" t="s">
        <v>516</v>
      </c>
      <c r="E1212" s="94" t="s">
        <v>683</v>
      </c>
      <c r="F1212" s="95" t="s">
        <v>48</v>
      </c>
    </row>
    <row r="1213" spans="1:7" customFormat="1" ht="14.65" customHeight="1">
      <c r="A1213" s="92" t="s">
        <v>433</v>
      </c>
      <c r="B1213" s="135">
        <v>2250179</v>
      </c>
      <c r="C1213" s="93" t="s">
        <v>528</v>
      </c>
      <c r="D1213" s="93" t="s">
        <v>517</v>
      </c>
      <c r="E1213" s="94" t="s">
        <v>719</v>
      </c>
      <c r="F1213" s="95" t="s">
        <v>48</v>
      </c>
    </row>
    <row r="1214" spans="1:7" customFormat="1" ht="14.65" customHeight="1">
      <c r="A1214" s="92" t="s">
        <v>433</v>
      </c>
      <c r="B1214" s="135">
        <v>2329174</v>
      </c>
      <c r="C1214" s="93" t="s">
        <v>528</v>
      </c>
      <c r="D1214" s="93" t="s">
        <v>622</v>
      </c>
      <c r="E1214" s="94" t="s">
        <v>711</v>
      </c>
      <c r="F1214" s="95" t="s">
        <v>48</v>
      </c>
    </row>
    <row r="1215" spans="1:7" customFormat="1" ht="14.65" customHeight="1">
      <c r="A1215" s="92" t="s">
        <v>433</v>
      </c>
      <c r="B1215" s="135">
        <v>2372967</v>
      </c>
      <c r="C1215" s="93" t="s">
        <v>528</v>
      </c>
      <c r="D1215" s="93" t="s">
        <v>518</v>
      </c>
      <c r="E1215" s="94" t="s">
        <v>701</v>
      </c>
      <c r="F1215" s="95" t="s">
        <v>48</v>
      </c>
    </row>
    <row r="1216" spans="1:7" customFormat="1" ht="14.65" customHeight="1">
      <c r="A1216" s="92" t="s">
        <v>433</v>
      </c>
      <c r="B1216" s="135">
        <v>2375621</v>
      </c>
      <c r="C1216" s="93" t="s">
        <v>528</v>
      </c>
      <c r="D1216" s="93" t="s">
        <v>519</v>
      </c>
      <c r="E1216" s="94" t="s">
        <v>695</v>
      </c>
      <c r="F1216" s="95" t="s">
        <v>48</v>
      </c>
    </row>
    <row r="1217" spans="1:7" customFormat="1" ht="14.65" customHeight="1">
      <c r="A1217" s="92" t="s">
        <v>433</v>
      </c>
      <c r="B1217" s="135">
        <v>2386321</v>
      </c>
      <c r="C1217" s="93" t="s">
        <v>528</v>
      </c>
      <c r="D1217" s="93" t="s">
        <v>520</v>
      </c>
      <c r="E1217" s="94" t="s">
        <v>717</v>
      </c>
      <c r="F1217" s="95" t="s">
        <v>48</v>
      </c>
    </row>
    <row r="1218" spans="1:7" customFormat="1" ht="14.65" customHeight="1">
      <c r="A1218" s="92" t="s">
        <v>433</v>
      </c>
      <c r="B1218" s="135">
        <v>2405172</v>
      </c>
      <c r="C1218" s="93" t="s">
        <v>528</v>
      </c>
      <c r="D1218" s="93" t="s">
        <v>521</v>
      </c>
      <c r="E1218" s="94" t="s">
        <v>686</v>
      </c>
      <c r="F1218" s="95" t="s">
        <v>48</v>
      </c>
    </row>
    <row r="1219" spans="1:7" customFormat="1" ht="14.65" customHeight="1">
      <c r="A1219" s="92" t="s">
        <v>433</v>
      </c>
      <c r="B1219" s="135">
        <v>2470004</v>
      </c>
      <c r="C1219" s="93" t="s">
        <v>528</v>
      </c>
      <c r="D1219" s="93" t="s">
        <v>522</v>
      </c>
      <c r="E1219" s="100" t="s">
        <v>709</v>
      </c>
      <c r="F1219" s="95" t="s">
        <v>48</v>
      </c>
    </row>
    <row r="1220" spans="1:7" customFormat="1" ht="14.65" customHeight="1">
      <c r="A1220" s="92" t="s">
        <v>433</v>
      </c>
      <c r="B1220" s="135">
        <v>2247223</v>
      </c>
      <c r="C1220" s="93" t="s">
        <v>528</v>
      </c>
      <c r="D1220" s="93" t="s">
        <v>529</v>
      </c>
      <c r="E1220" s="100" t="s">
        <v>710</v>
      </c>
      <c r="F1220" s="95" t="s">
        <v>48</v>
      </c>
    </row>
    <row r="1221" spans="1:7" customFormat="1" ht="14.65" customHeight="1">
      <c r="A1221" s="104" t="s">
        <v>433</v>
      </c>
      <c r="B1221" s="136">
        <v>2284766</v>
      </c>
      <c r="C1221" s="95" t="s">
        <v>528</v>
      </c>
      <c r="D1221" s="98" t="s">
        <v>520</v>
      </c>
      <c r="E1221" s="105" t="s">
        <v>713</v>
      </c>
      <c r="F1221" s="95" t="s">
        <v>48</v>
      </c>
    </row>
    <row r="1222" spans="1:7" customFormat="1" ht="14.65" customHeight="1">
      <c r="A1222" s="104" t="s">
        <v>433</v>
      </c>
      <c r="B1222" s="143">
        <v>2375060</v>
      </c>
      <c r="C1222" s="98" t="s">
        <v>528</v>
      </c>
      <c r="D1222" s="98" t="s">
        <v>524</v>
      </c>
      <c r="E1222" s="187" t="s">
        <v>699</v>
      </c>
      <c r="F1222" s="95" t="s">
        <v>48</v>
      </c>
    </row>
    <row r="1223" spans="1:7" customFormat="1" ht="14.65" customHeight="1">
      <c r="A1223" s="104" t="s">
        <v>433</v>
      </c>
      <c r="B1223" s="138">
        <v>2549662</v>
      </c>
      <c r="C1223" s="95" t="s">
        <v>528</v>
      </c>
      <c r="D1223" s="115" t="s">
        <v>729</v>
      </c>
      <c r="E1223" s="105" t="s">
        <v>709</v>
      </c>
      <c r="F1223" s="95" t="s">
        <v>48</v>
      </c>
      <c r="G1223" s="186"/>
    </row>
    <row r="1224" spans="1:7" customFormat="1" ht="14.65" customHeight="1">
      <c r="A1224" s="92"/>
      <c r="B1224" s="135"/>
      <c r="C1224" s="93"/>
      <c r="D1224" s="93"/>
      <c r="E1224" s="94"/>
      <c r="F1224" s="95"/>
    </row>
    <row r="1225" spans="1:7" customFormat="1" ht="14.65" customHeight="1">
      <c r="A1225" s="92" t="s">
        <v>433</v>
      </c>
      <c r="B1225" s="135">
        <v>2240332</v>
      </c>
      <c r="C1225" s="93" t="s">
        <v>530</v>
      </c>
      <c r="D1225" s="93" t="s">
        <v>515</v>
      </c>
      <c r="E1225" s="94" t="s">
        <v>700</v>
      </c>
      <c r="F1225" s="95" t="s">
        <v>48</v>
      </c>
    </row>
    <row r="1226" spans="1:7" customFormat="1" ht="14.65" customHeight="1">
      <c r="A1226" s="92" t="s">
        <v>433</v>
      </c>
      <c r="B1226" s="135">
        <v>2247015</v>
      </c>
      <c r="C1226" s="93" t="s">
        <v>530</v>
      </c>
      <c r="D1226" s="93" t="s">
        <v>516</v>
      </c>
      <c r="E1226" s="94" t="s">
        <v>683</v>
      </c>
      <c r="F1226" s="95" t="s">
        <v>48</v>
      </c>
    </row>
    <row r="1227" spans="1:7" customFormat="1" ht="14.65" customHeight="1">
      <c r="A1227" s="92" t="s">
        <v>433</v>
      </c>
      <c r="B1227" s="135">
        <v>2250187</v>
      </c>
      <c r="C1227" s="93" t="s">
        <v>530</v>
      </c>
      <c r="D1227" s="93" t="s">
        <v>517</v>
      </c>
      <c r="E1227" s="94" t="s">
        <v>719</v>
      </c>
      <c r="F1227" s="95" t="s">
        <v>48</v>
      </c>
    </row>
    <row r="1228" spans="1:7" customFormat="1" ht="14.65" customHeight="1">
      <c r="A1228" s="92" t="s">
        <v>433</v>
      </c>
      <c r="B1228" s="135">
        <v>2329182</v>
      </c>
      <c r="C1228" s="93" t="s">
        <v>530</v>
      </c>
      <c r="D1228" s="93" t="s">
        <v>622</v>
      </c>
      <c r="E1228" s="94" t="s">
        <v>711</v>
      </c>
      <c r="F1228" s="95" t="s">
        <v>48</v>
      </c>
    </row>
    <row r="1229" spans="1:7" customFormat="1" ht="14.65" customHeight="1">
      <c r="A1229" s="92" t="s">
        <v>433</v>
      </c>
      <c r="B1229" s="135">
        <v>2372975</v>
      </c>
      <c r="C1229" s="93" t="s">
        <v>530</v>
      </c>
      <c r="D1229" s="93" t="s">
        <v>518</v>
      </c>
      <c r="E1229" s="94" t="s">
        <v>701</v>
      </c>
      <c r="F1229" s="95" t="s">
        <v>48</v>
      </c>
    </row>
    <row r="1230" spans="1:7" customFormat="1" ht="14.65" customHeight="1">
      <c r="A1230" s="92" t="s">
        <v>433</v>
      </c>
      <c r="B1230" s="135">
        <v>2375648</v>
      </c>
      <c r="C1230" s="93" t="s">
        <v>530</v>
      </c>
      <c r="D1230" s="93" t="s">
        <v>519</v>
      </c>
      <c r="E1230" s="94" t="s">
        <v>695</v>
      </c>
      <c r="F1230" s="95" t="s">
        <v>48</v>
      </c>
    </row>
    <row r="1231" spans="1:7" customFormat="1" ht="14.65" customHeight="1">
      <c r="A1231" s="92" t="s">
        <v>433</v>
      </c>
      <c r="B1231" s="135">
        <v>2386348</v>
      </c>
      <c r="C1231" s="93" t="s">
        <v>530</v>
      </c>
      <c r="D1231" s="93" t="s">
        <v>520</v>
      </c>
      <c r="E1231" s="94" t="s">
        <v>717</v>
      </c>
      <c r="F1231" s="95" t="s">
        <v>48</v>
      </c>
    </row>
    <row r="1232" spans="1:7" customFormat="1" ht="14.65" customHeight="1">
      <c r="A1232" s="92" t="s">
        <v>433</v>
      </c>
      <c r="B1232" s="135">
        <v>2405180</v>
      </c>
      <c r="C1232" s="93" t="s">
        <v>530</v>
      </c>
      <c r="D1232" s="93" t="s">
        <v>521</v>
      </c>
      <c r="E1232" s="94" t="s">
        <v>686</v>
      </c>
      <c r="F1232" s="95" t="s">
        <v>48</v>
      </c>
    </row>
    <row r="1233" spans="1:7" customFormat="1" ht="14.65" customHeight="1">
      <c r="A1233" s="92" t="s">
        <v>433</v>
      </c>
      <c r="B1233" s="135">
        <v>2247224</v>
      </c>
      <c r="C1233" s="93" t="s">
        <v>530</v>
      </c>
      <c r="D1233" s="93" t="s">
        <v>531</v>
      </c>
      <c r="E1233" s="100" t="s">
        <v>710</v>
      </c>
      <c r="F1233" s="95" t="s">
        <v>48</v>
      </c>
    </row>
    <row r="1234" spans="1:7" customFormat="1" ht="14.65" customHeight="1">
      <c r="A1234" s="92" t="s">
        <v>433</v>
      </c>
      <c r="B1234" s="135">
        <v>2470012</v>
      </c>
      <c r="C1234" s="93" t="s">
        <v>530</v>
      </c>
      <c r="D1234" s="93" t="s">
        <v>522</v>
      </c>
      <c r="E1234" s="100" t="s">
        <v>709</v>
      </c>
      <c r="F1234" s="95" t="s">
        <v>48</v>
      </c>
    </row>
    <row r="1235" spans="1:7" customFormat="1">
      <c r="A1235" s="104" t="s">
        <v>433</v>
      </c>
      <c r="B1235" s="136">
        <v>2284774</v>
      </c>
      <c r="C1235" s="95" t="s">
        <v>530</v>
      </c>
      <c r="D1235" s="98" t="s">
        <v>520</v>
      </c>
      <c r="E1235" s="105" t="s">
        <v>713</v>
      </c>
      <c r="F1235" s="95" t="s">
        <v>48</v>
      </c>
    </row>
    <row r="1236" spans="1:7" customFormat="1">
      <c r="A1236" s="104" t="s">
        <v>433</v>
      </c>
      <c r="B1236" s="138">
        <v>2549670</v>
      </c>
      <c r="C1236" s="95" t="s">
        <v>530</v>
      </c>
      <c r="D1236" s="115" t="s">
        <v>729</v>
      </c>
      <c r="E1236" s="105" t="s">
        <v>709</v>
      </c>
      <c r="F1236" s="95" t="s">
        <v>48</v>
      </c>
      <c r="G1236" s="186"/>
    </row>
    <row r="1237" spans="1:7" customFormat="1">
      <c r="A1237" s="188"/>
      <c r="B1237" s="189"/>
      <c r="C1237" s="190"/>
      <c r="D1237" s="190"/>
      <c r="E1237" s="191"/>
      <c r="F1237" s="192"/>
    </row>
    <row r="1238" spans="1:7" ht="14.65" customHeight="1">
      <c r="A1238" s="204" t="s">
        <v>632</v>
      </c>
      <c r="B1238" s="200" t="s">
        <v>532</v>
      </c>
      <c r="C1238" s="200"/>
      <c r="D1238" s="200"/>
      <c r="E1238" s="200"/>
      <c r="F1238" s="200"/>
    </row>
    <row r="1239" spans="1:7">
      <c r="A1239" s="204"/>
      <c r="B1239" s="200"/>
      <c r="C1239" s="200"/>
      <c r="D1239" s="200"/>
      <c r="E1239" s="200"/>
      <c r="F1239" s="200"/>
    </row>
    <row r="1240" spans="1:7" ht="14.65" customHeight="1">
      <c r="A1240" s="17"/>
      <c r="B1240" s="166"/>
      <c r="C1240" s="13"/>
      <c r="D1240" s="13"/>
      <c r="E1240" s="33"/>
      <c r="F1240" s="13"/>
    </row>
    <row r="1241" spans="1:7" ht="14.65" customHeight="1">
      <c r="A1241" s="201" t="s">
        <v>533</v>
      </c>
      <c r="B1241" s="201"/>
      <c r="C1241" s="201"/>
      <c r="D1241" s="201"/>
      <c r="E1241" s="38"/>
      <c r="F1241" s="130" t="s">
        <v>11</v>
      </c>
    </row>
    <row r="1242" spans="1:7" ht="14.65" customHeight="1">
      <c r="A1242" s="201"/>
      <c r="B1242" s="201"/>
      <c r="C1242" s="201"/>
      <c r="D1242" s="201"/>
      <c r="E1242" s="36"/>
      <c r="F1242" s="21" t="s">
        <v>534</v>
      </c>
    </row>
    <row r="1243" spans="1:7" ht="14.65" customHeight="1">
      <c r="A1243" s="40" t="s">
        <v>535</v>
      </c>
      <c r="B1243" s="156">
        <v>2267233</v>
      </c>
      <c r="C1243" s="81" t="s">
        <v>536</v>
      </c>
      <c r="D1243" s="81" t="s">
        <v>537</v>
      </c>
      <c r="E1243" s="82" t="s">
        <v>718</v>
      </c>
      <c r="F1243" s="43" t="s">
        <v>16</v>
      </c>
    </row>
    <row r="1244" spans="1:7" ht="14.65" customHeight="1">
      <c r="A1244" s="40" t="s">
        <v>535</v>
      </c>
      <c r="B1244" s="156">
        <v>2440628</v>
      </c>
      <c r="C1244" s="81" t="s">
        <v>536</v>
      </c>
      <c r="D1244" s="81" t="s">
        <v>538</v>
      </c>
      <c r="E1244" s="82" t="s">
        <v>719</v>
      </c>
      <c r="F1244" s="43" t="s">
        <v>16</v>
      </c>
    </row>
    <row r="1245" spans="1:7" ht="14.65" customHeight="1">
      <c r="A1245" s="40" t="s">
        <v>535</v>
      </c>
      <c r="B1245" s="156">
        <v>2408570</v>
      </c>
      <c r="C1245" s="81" t="s">
        <v>536</v>
      </c>
      <c r="D1245" s="81" t="s">
        <v>539</v>
      </c>
      <c r="E1245" s="82" t="s">
        <v>702</v>
      </c>
      <c r="F1245" s="43" t="s">
        <v>16</v>
      </c>
    </row>
    <row r="1246" spans="1:7" ht="14.65" customHeight="1">
      <c r="A1246" s="67" t="s">
        <v>535</v>
      </c>
      <c r="B1246" s="150">
        <v>2441853</v>
      </c>
      <c r="C1246" s="68" t="s">
        <v>536</v>
      </c>
      <c r="D1246" s="68" t="s">
        <v>540</v>
      </c>
      <c r="E1246" s="69" t="s">
        <v>684</v>
      </c>
      <c r="F1246" s="70" t="s">
        <v>16</v>
      </c>
    </row>
    <row r="1247" spans="1:7" ht="14.65" customHeight="1">
      <c r="A1247" s="67" t="s">
        <v>535</v>
      </c>
      <c r="B1247" s="150">
        <v>2466147</v>
      </c>
      <c r="C1247" s="68" t="s">
        <v>536</v>
      </c>
      <c r="D1247" s="68" t="s">
        <v>541</v>
      </c>
      <c r="E1247" s="69" t="s">
        <v>713</v>
      </c>
      <c r="F1247" s="70" t="s">
        <v>16</v>
      </c>
    </row>
    <row r="1248" spans="1:7" ht="14.65" customHeight="1">
      <c r="A1248" s="45" t="s">
        <v>535</v>
      </c>
      <c r="B1248" s="147">
        <v>2519534</v>
      </c>
      <c r="C1248" s="43" t="s">
        <v>536</v>
      </c>
      <c r="D1248" s="43" t="s">
        <v>658</v>
      </c>
      <c r="E1248" s="83" t="s">
        <v>717</v>
      </c>
      <c r="F1248" s="58" t="s">
        <v>16</v>
      </c>
    </row>
    <row r="1249" spans="1:8" ht="14.65" customHeight="1">
      <c r="A1249" s="40"/>
      <c r="B1249" s="145"/>
      <c r="C1249" s="41"/>
      <c r="D1249" s="41"/>
      <c r="E1249" s="42"/>
      <c r="F1249" s="43"/>
    </row>
    <row r="1250" spans="1:8" ht="14.65" customHeight="1">
      <c r="A1250" s="40" t="s">
        <v>535</v>
      </c>
      <c r="B1250" s="156">
        <v>2243796</v>
      </c>
      <c r="C1250" s="81" t="s">
        <v>542</v>
      </c>
      <c r="D1250" s="81" t="s">
        <v>543</v>
      </c>
      <c r="E1250" s="82" t="s">
        <v>696</v>
      </c>
      <c r="F1250" s="43" t="s">
        <v>16</v>
      </c>
    </row>
    <row r="1251" spans="1:8" ht="14.65" customHeight="1">
      <c r="A1251" s="40" t="s">
        <v>535</v>
      </c>
      <c r="B1251" s="156">
        <v>2296632</v>
      </c>
      <c r="C1251" s="81" t="s">
        <v>542</v>
      </c>
      <c r="D1251" s="81" t="s">
        <v>544</v>
      </c>
      <c r="E1251" s="82" t="s">
        <v>719</v>
      </c>
      <c r="F1251" s="43" t="s">
        <v>16</v>
      </c>
    </row>
    <row r="1252" spans="1:8" ht="14.65" customHeight="1">
      <c r="A1252" s="40" t="s">
        <v>535</v>
      </c>
      <c r="B1252" s="156">
        <v>2298074</v>
      </c>
      <c r="C1252" s="81" t="s">
        <v>542</v>
      </c>
      <c r="D1252" s="81" t="s">
        <v>617</v>
      </c>
      <c r="E1252" s="82" t="s">
        <v>711</v>
      </c>
      <c r="F1252" s="43" t="s">
        <v>16</v>
      </c>
    </row>
    <row r="1253" spans="1:8" ht="14.65" customHeight="1">
      <c r="A1253" s="40" t="s">
        <v>535</v>
      </c>
      <c r="B1253" s="156">
        <v>2310805</v>
      </c>
      <c r="C1253" s="81" t="s">
        <v>542</v>
      </c>
      <c r="D1253" s="81" t="s">
        <v>545</v>
      </c>
      <c r="E1253" s="82" t="s">
        <v>709</v>
      </c>
      <c r="F1253" s="43" t="s">
        <v>16</v>
      </c>
    </row>
    <row r="1254" spans="1:8" ht="14.65" customHeight="1">
      <c r="A1254" s="40" t="s">
        <v>535</v>
      </c>
      <c r="B1254" s="156">
        <v>2314177</v>
      </c>
      <c r="C1254" s="81" t="s">
        <v>542</v>
      </c>
      <c r="D1254" s="81" t="s">
        <v>546</v>
      </c>
      <c r="E1254" s="82" t="s">
        <v>712</v>
      </c>
      <c r="F1254" s="43" t="s">
        <v>16</v>
      </c>
      <c r="H1254" s="11" t="s">
        <v>662</v>
      </c>
    </row>
    <row r="1255" spans="1:8" ht="14.65" customHeight="1">
      <c r="A1255" s="40" t="s">
        <v>535</v>
      </c>
      <c r="B1255" s="156">
        <v>2356511</v>
      </c>
      <c r="C1255" s="81" t="s">
        <v>542</v>
      </c>
      <c r="D1255" s="81" t="s">
        <v>547</v>
      </c>
      <c r="E1255" s="82" t="s">
        <v>713</v>
      </c>
      <c r="F1255" s="43" t="s">
        <v>16</v>
      </c>
    </row>
    <row r="1256" spans="1:8" ht="14.65" customHeight="1">
      <c r="A1256" s="40" t="s">
        <v>535</v>
      </c>
      <c r="B1256" s="156">
        <v>2385449</v>
      </c>
      <c r="C1256" s="81" t="s">
        <v>542</v>
      </c>
      <c r="D1256" s="81" t="s">
        <v>548</v>
      </c>
      <c r="E1256" s="82" t="s">
        <v>717</v>
      </c>
      <c r="F1256" s="43" t="s">
        <v>16</v>
      </c>
    </row>
    <row r="1257" spans="1:8" ht="14.65" customHeight="1">
      <c r="A1257" s="50" t="s">
        <v>535</v>
      </c>
      <c r="B1257" s="146">
        <v>2415283</v>
      </c>
      <c r="C1257" s="46" t="s">
        <v>542</v>
      </c>
      <c r="D1257" s="46" t="s">
        <v>667</v>
      </c>
      <c r="E1257" s="45" t="s">
        <v>695</v>
      </c>
      <c r="F1257" s="43" t="s">
        <v>16</v>
      </c>
    </row>
    <row r="1258" spans="1:8" ht="14.65" customHeight="1">
      <c r="A1258" s="40"/>
      <c r="B1258" s="156"/>
      <c r="C1258" s="81"/>
      <c r="D1258" s="81"/>
      <c r="E1258" s="82"/>
      <c r="F1258" s="43"/>
    </row>
    <row r="1259" spans="1:8" ht="14.65" customHeight="1">
      <c r="A1259" s="40" t="s">
        <v>535</v>
      </c>
      <c r="B1259" s="156">
        <v>2243797</v>
      </c>
      <c r="C1259" s="81" t="s">
        <v>549</v>
      </c>
      <c r="D1259" s="81" t="s">
        <v>550</v>
      </c>
      <c r="E1259" s="82" t="s">
        <v>696</v>
      </c>
      <c r="F1259" s="43" t="s">
        <v>16</v>
      </c>
    </row>
    <row r="1260" spans="1:8" ht="14.65" customHeight="1">
      <c r="A1260" s="40" t="s">
        <v>535</v>
      </c>
      <c r="B1260" s="156">
        <v>2298082</v>
      </c>
      <c r="C1260" s="81" t="s">
        <v>549</v>
      </c>
      <c r="D1260" s="81" t="s">
        <v>617</v>
      </c>
      <c r="E1260" s="82" t="s">
        <v>711</v>
      </c>
      <c r="F1260" s="43" t="s">
        <v>16</v>
      </c>
    </row>
    <row r="1261" spans="1:8" ht="14.65" customHeight="1">
      <c r="A1261" s="40" t="s">
        <v>535</v>
      </c>
      <c r="B1261" s="156">
        <v>2310813</v>
      </c>
      <c r="C1261" s="81" t="s">
        <v>549</v>
      </c>
      <c r="D1261" s="81" t="s">
        <v>545</v>
      </c>
      <c r="E1261" s="82" t="s">
        <v>709</v>
      </c>
      <c r="F1261" s="43" t="s">
        <v>16</v>
      </c>
    </row>
    <row r="1262" spans="1:8" ht="14.65" customHeight="1">
      <c r="A1262" s="40" t="s">
        <v>535</v>
      </c>
      <c r="B1262" s="156">
        <v>2314185</v>
      </c>
      <c r="C1262" s="81" t="s">
        <v>549</v>
      </c>
      <c r="D1262" s="81" t="s">
        <v>546</v>
      </c>
      <c r="E1262" s="82" t="s">
        <v>712</v>
      </c>
      <c r="F1262" s="43" t="s">
        <v>16</v>
      </c>
    </row>
    <row r="1263" spans="1:8" ht="14.65" customHeight="1">
      <c r="A1263" s="40" t="s">
        <v>535</v>
      </c>
      <c r="B1263" s="156">
        <v>2356538</v>
      </c>
      <c r="C1263" s="81" t="s">
        <v>549</v>
      </c>
      <c r="D1263" s="81" t="s">
        <v>547</v>
      </c>
      <c r="E1263" s="82" t="s">
        <v>713</v>
      </c>
      <c r="F1263" s="43" t="s">
        <v>16</v>
      </c>
    </row>
    <row r="1264" spans="1:8" ht="14.65" customHeight="1">
      <c r="A1264" s="40" t="s">
        <v>535</v>
      </c>
      <c r="B1264" s="156">
        <v>2385457</v>
      </c>
      <c r="C1264" s="81" t="s">
        <v>549</v>
      </c>
      <c r="D1264" s="81" t="s">
        <v>548</v>
      </c>
      <c r="E1264" s="82" t="s">
        <v>717</v>
      </c>
      <c r="F1264" s="43" t="s">
        <v>16</v>
      </c>
    </row>
    <row r="1265" spans="1:6" ht="14.65" customHeight="1">
      <c r="A1265" s="40" t="s">
        <v>535</v>
      </c>
      <c r="B1265" s="156">
        <v>2415291</v>
      </c>
      <c r="C1265" s="81" t="s">
        <v>549</v>
      </c>
      <c r="D1265" s="81" t="s">
        <v>667</v>
      </c>
      <c r="E1265" s="82" t="s">
        <v>695</v>
      </c>
      <c r="F1265" s="43" t="s">
        <v>16</v>
      </c>
    </row>
    <row r="1266" spans="1:6" ht="14.65" customHeight="1">
      <c r="A1266" s="40"/>
      <c r="B1266" s="145"/>
      <c r="C1266" s="41"/>
      <c r="D1266" s="41"/>
      <c r="E1266" s="42"/>
      <c r="F1266" s="43"/>
    </row>
    <row r="1267" spans="1:6" ht="14.65" customHeight="1">
      <c r="A1267" s="40" t="s">
        <v>535</v>
      </c>
      <c r="B1267" s="156">
        <v>846503</v>
      </c>
      <c r="C1267" s="81" t="s">
        <v>551</v>
      </c>
      <c r="D1267" s="81" t="s">
        <v>552</v>
      </c>
      <c r="E1267" s="82" t="s">
        <v>685</v>
      </c>
      <c r="F1267" s="43" t="s">
        <v>48</v>
      </c>
    </row>
    <row r="1268" spans="1:6" ht="14.65" customHeight="1">
      <c r="A1268" s="40" t="s">
        <v>535</v>
      </c>
      <c r="B1268" s="156">
        <v>2190915</v>
      </c>
      <c r="C1268" s="81" t="s">
        <v>551</v>
      </c>
      <c r="D1268" s="81" t="s">
        <v>553</v>
      </c>
      <c r="E1268" s="82" t="s">
        <v>685</v>
      </c>
      <c r="F1268" s="43" t="s">
        <v>48</v>
      </c>
    </row>
    <row r="1269" spans="1:6" ht="14.65" customHeight="1">
      <c r="A1269" s="40" t="s">
        <v>535</v>
      </c>
      <c r="B1269" s="156">
        <v>2245058</v>
      </c>
      <c r="C1269" s="81" t="s">
        <v>551</v>
      </c>
      <c r="D1269" s="81" t="s">
        <v>554</v>
      </c>
      <c r="E1269" s="82" t="s">
        <v>683</v>
      </c>
      <c r="F1269" s="43" t="s">
        <v>48</v>
      </c>
    </row>
    <row r="1270" spans="1:6" ht="14.65" customHeight="1">
      <c r="A1270" s="40" t="s">
        <v>535</v>
      </c>
      <c r="B1270" s="156">
        <v>2295415</v>
      </c>
      <c r="C1270" s="81" t="s">
        <v>551</v>
      </c>
      <c r="D1270" s="81" t="s">
        <v>555</v>
      </c>
      <c r="E1270" s="82" t="s">
        <v>719</v>
      </c>
      <c r="F1270" s="43" t="s">
        <v>48</v>
      </c>
    </row>
    <row r="1271" spans="1:6" ht="14.65" customHeight="1">
      <c r="A1271" s="40" t="s">
        <v>535</v>
      </c>
      <c r="B1271" s="156">
        <v>2296446</v>
      </c>
      <c r="C1271" s="81" t="s">
        <v>551</v>
      </c>
      <c r="D1271" s="81" t="s">
        <v>556</v>
      </c>
      <c r="E1271" s="82" t="s">
        <v>712</v>
      </c>
      <c r="F1271" s="43" t="s">
        <v>48</v>
      </c>
    </row>
    <row r="1272" spans="1:6" ht="14.65" customHeight="1">
      <c r="A1272" s="40" t="s">
        <v>535</v>
      </c>
      <c r="B1272" s="156">
        <v>2320851</v>
      </c>
      <c r="C1272" s="81" t="s">
        <v>551</v>
      </c>
      <c r="D1272" s="81" t="s">
        <v>557</v>
      </c>
      <c r="E1272" s="82" t="s">
        <v>709</v>
      </c>
      <c r="F1272" s="43" t="s">
        <v>48</v>
      </c>
    </row>
    <row r="1273" spans="1:6" ht="14.65" customHeight="1">
      <c r="A1273" s="40" t="s">
        <v>535</v>
      </c>
      <c r="B1273" s="156">
        <v>2348691</v>
      </c>
      <c r="C1273" s="81" t="s">
        <v>551</v>
      </c>
      <c r="D1273" s="81" t="s">
        <v>558</v>
      </c>
      <c r="E1273" s="82" t="s">
        <v>713</v>
      </c>
      <c r="F1273" s="43" t="s">
        <v>48</v>
      </c>
    </row>
    <row r="1274" spans="1:6" ht="14.65" customHeight="1">
      <c r="A1274" s="40" t="s">
        <v>535</v>
      </c>
      <c r="B1274" s="156">
        <v>2411857</v>
      </c>
      <c r="C1274" s="81" t="s">
        <v>551</v>
      </c>
      <c r="D1274" s="81" t="s">
        <v>559</v>
      </c>
      <c r="E1274" s="82" t="s">
        <v>717</v>
      </c>
      <c r="F1274" s="43" t="s">
        <v>48</v>
      </c>
    </row>
    <row r="1275" spans="1:6" ht="14.65" customHeight="1">
      <c r="A1275" s="40" t="s">
        <v>535</v>
      </c>
      <c r="B1275" s="156">
        <v>2420198</v>
      </c>
      <c r="C1275" s="81" t="s">
        <v>551</v>
      </c>
      <c r="D1275" s="81" t="s">
        <v>560</v>
      </c>
      <c r="E1275" s="82" t="s">
        <v>695</v>
      </c>
      <c r="F1275" s="43" t="s">
        <v>48</v>
      </c>
    </row>
    <row r="1276" spans="1:6" ht="14.65" customHeight="1">
      <c r="A1276" s="50" t="s">
        <v>535</v>
      </c>
      <c r="B1276" s="146">
        <v>2501880</v>
      </c>
      <c r="C1276" s="46" t="s">
        <v>551</v>
      </c>
      <c r="D1276" s="46" t="s">
        <v>627</v>
      </c>
      <c r="E1276" s="60" t="s">
        <v>705</v>
      </c>
      <c r="F1276" s="43" t="s">
        <v>48</v>
      </c>
    </row>
    <row r="1277" spans="1:6" ht="14.65" customHeight="1">
      <c r="A1277" s="50" t="s">
        <v>535</v>
      </c>
      <c r="B1277" s="146">
        <v>2504294</v>
      </c>
      <c r="C1277" s="43" t="s">
        <v>551</v>
      </c>
      <c r="D1277" s="46" t="s">
        <v>633</v>
      </c>
      <c r="E1277" s="54" t="s">
        <v>713</v>
      </c>
      <c r="F1277" s="43" t="s">
        <v>48</v>
      </c>
    </row>
    <row r="1278" spans="1:6" ht="14.65" customHeight="1">
      <c r="A1278" s="50"/>
      <c r="B1278" s="146"/>
      <c r="C1278" s="43"/>
      <c r="D1278" s="46"/>
      <c r="E1278" s="54"/>
      <c r="F1278" s="43"/>
    </row>
    <row r="1279" spans="1:6" ht="14.65" customHeight="1">
      <c r="A1279" s="40" t="s">
        <v>535</v>
      </c>
      <c r="B1279" s="156">
        <v>2165503</v>
      </c>
      <c r="C1279" s="81" t="s">
        <v>561</v>
      </c>
      <c r="D1279" s="81" t="s">
        <v>562</v>
      </c>
      <c r="E1279" s="82" t="s">
        <v>718</v>
      </c>
      <c r="F1279" s="43" t="s">
        <v>48</v>
      </c>
    </row>
    <row r="1280" spans="1:6" ht="14.65" customHeight="1">
      <c r="A1280" s="40" t="s">
        <v>535</v>
      </c>
      <c r="B1280" s="156">
        <v>2293811</v>
      </c>
      <c r="C1280" s="81" t="s">
        <v>561</v>
      </c>
      <c r="D1280" s="81" t="s">
        <v>563</v>
      </c>
      <c r="E1280" s="82" t="s">
        <v>683</v>
      </c>
      <c r="F1280" s="43" t="s">
        <v>48</v>
      </c>
    </row>
    <row r="1281" spans="1:6" ht="14.65" customHeight="1">
      <c r="A1281" s="40" t="s">
        <v>535</v>
      </c>
      <c r="B1281" s="156">
        <v>2353830</v>
      </c>
      <c r="C1281" s="81" t="s">
        <v>561</v>
      </c>
      <c r="D1281" s="81" t="s">
        <v>564</v>
      </c>
      <c r="E1281" s="82" t="s">
        <v>702</v>
      </c>
      <c r="F1281" s="43" t="s">
        <v>48</v>
      </c>
    </row>
    <row r="1282" spans="1:6" ht="14.65" customHeight="1">
      <c r="A1282" s="40" t="s">
        <v>535</v>
      </c>
      <c r="B1282" s="156">
        <v>2357682</v>
      </c>
      <c r="C1282" s="81" t="s">
        <v>561</v>
      </c>
      <c r="D1282" s="81" t="s">
        <v>565</v>
      </c>
      <c r="E1282" s="82" t="s">
        <v>713</v>
      </c>
      <c r="F1282" s="43" t="s">
        <v>48</v>
      </c>
    </row>
    <row r="1283" spans="1:6" ht="14.65" customHeight="1">
      <c r="A1283" s="40" t="s">
        <v>535</v>
      </c>
      <c r="B1283" s="156">
        <v>2385643</v>
      </c>
      <c r="C1283" s="81" t="s">
        <v>561</v>
      </c>
      <c r="D1283" s="81" t="s">
        <v>566</v>
      </c>
      <c r="E1283" s="82" t="s">
        <v>712</v>
      </c>
      <c r="F1283" s="43" t="s">
        <v>48</v>
      </c>
    </row>
    <row r="1284" spans="1:6" ht="14.65" customHeight="1">
      <c r="A1284" s="40" t="s">
        <v>535</v>
      </c>
      <c r="B1284" s="156">
        <v>2402610</v>
      </c>
      <c r="C1284" s="81" t="s">
        <v>561</v>
      </c>
      <c r="D1284" s="81" t="s">
        <v>567</v>
      </c>
      <c r="E1284" s="82" t="s">
        <v>711</v>
      </c>
      <c r="F1284" s="43" t="s">
        <v>48</v>
      </c>
    </row>
    <row r="1285" spans="1:6" ht="14.65" customHeight="1">
      <c r="A1285" s="67" t="s">
        <v>535</v>
      </c>
      <c r="B1285" s="150">
        <v>2280515</v>
      </c>
      <c r="C1285" s="68" t="s">
        <v>561</v>
      </c>
      <c r="D1285" s="68" t="s">
        <v>568</v>
      </c>
      <c r="E1285" s="69" t="s">
        <v>719</v>
      </c>
      <c r="F1285" s="70" t="s">
        <v>48</v>
      </c>
    </row>
    <row r="1286" spans="1:6" ht="14.65" customHeight="1">
      <c r="A1286" s="67" t="s">
        <v>535</v>
      </c>
      <c r="B1286" s="150">
        <v>2385767</v>
      </c>
      <c r="C1286" s="68" t="s">
        <v>561</v>
      </c>
      <c r="D1286" s="68" t="s">
        <v>565</v>
      </c>
      <c r="E1286" s="69" t="s">
        <v>717</v>
      </c>
      <c r="F1286" s="70" t="s">
        <v>48</v>
      </c>
    </row>
    <row r="1287" spans="1:6" ht="14.65" customHeight="1">
      <c r="A1287" s="67" t="s">
        <v>535</v>
      </c>
      <c r="B1287" s="150">
        <v>2433001</v>
      </c>
      <c r="C1287" s="68" t="s">
        <v>561</v>
      </c>
      <c r="D1287" s="68" t="s">
        <v>565</v>
      </c>
      <c r="E1287" s="69" t="s">
        <v>709</v>
      </c>
      <c r="F1287" s="70" t="s">
        <v>48</v>
      </c>
    </row>
    <row r="1288" spans="1:6" ht="14.65" customHeight="1">
      <c r="A1288" s="40"/>
      <c r="B1288" s="156"/>
      <c r="C1288" s="81"/>
      <c r="D1288" s="81"/>
      <c r="E1288" s="82"/>
      <c r="F1288" s="43"/>
    </row>
    <row r="1289" spans="1:6" ht="14.65" customHeight="1">
      <c r="A1289" s="40" t="s">
        <v>535</v>
      </c>
      <c r="B1289" s="156">
        <v>2165511</v>
      </c>
      <c r="C1289" s="81" t="s">
        <v>569</v>
      </c>
      <c r="D1289" s="81" t="s">
        <v>562</v>
      </c>
      <c r="E1289" s="82" t="s">
        <v>718</v>
      </c>
      <c r="F1289" s="43" t="s">
        <v>48</v>
      </c>
    </row>
    <row r="1290" spans="1:6" ht="14.65" customHeight="1">
      <c r="A1290" s="40" t="s">
        <v>535</v>
      </c>
      <c r="B1290" s="156">
        <v>2293838</v>
      </c>
      <c r="C1290" s="81" t="s">
        <v>569</v>
      </c>
      <c r="D1290" s="81" t="s">
        <v>563</v>
      </c>
      <c r="E1290" s="82" t="s">
        <v>683</v>
      </c>
      <c r="F1290" s="43" t="s">
        <v>48</v>
      </c>
    </row>
    <row r="1291" spans="1:6" ht="14.65" customHeight="1">
      <c r="A1291" s="40" t="s">
        <v>535</v>
      </c>
      <c r="B1291" s="156">
        <v>2353849</v>
      </c>
      <c r="C1291" s="81" t="s">
        <v>569</v>
      </c>
      <c r="D1291" s="81" t="s">
        <v>564</v>
      </c>
      <c r="E1291" s="82" t="s">
        <v>702</v>
      </c>
      <c r="F1291" s="43" t="s">
        <v>48</v>
      </c>
    </row>
    <row r="1292" spans="1:6" ht="14.65" customHeight="1">
      <c r="A1292" s="40" t="s">
        <v>535</v>
      </c>
      <c r="B1292" s="156">
        <v>2357690</v>
      </c>
      <c r="C1292" s="81" t="s">
        <v>569</v>
      </c>
      <c r="D1292" s="81" t="s">
        <v>565</v>
      </c>
      <c r="E1292" s="82" t="s">
        <v>713</v>
      </c>
      <c r="F1292" s="43" t="s">
        <v>48</v>
      </c>
    </row>
    <row r="1293" spans="1:6" ht="14.65" customHeight="1">
      <c r="A1293" s="40" t="s">
        <v>535</v>
      </c>
      <c r="B1293" s="156">
        <v>2385651</v>
      </c>
      <c r="C1293" s="81" t="s">
        <v>569</v>
      </c>
      <c r="D1293" s="81" t="s">
        <v>566</v>
      </c>
      <c r="E1293" s="82" t="s">
        <v>712</v>
      </c>
      <c r="F1293" s="43" t="s">
        <v>48</v>
      </c>
    </row>
    <row r="1294" spans="1:6" ht="14.65" customHeight="1">
      <c r="A1294" s="40" t="s">
        <v>535</v>
      </c>
      <c r="B1294" s="156">
        <v>2402629</v>
      </c>
      <c r="C1294" s="81" t="s">
        <v>569</v>
      </c>
      <c r="D1294" s="81" t="s">
        <v>567</v>
      </c>
      <c r="E1294" s="82" t="s">
        <v>711</v>
      </c>
      <c r="F1294" s="43" t="s">
        <v>48</v>
      </c>
    </row>
    <row r="1295" spans="1:6" ht="14.65" customHeight="1">
      <c r="A1295" s="67" t="s">
        <v>535</v>
      </c>
      <c r="B1295" s="150">
        <v>2280523</v>
      </c>
      <c r="C1295" s="68" t="s">
        <v>569</v>
      </c>
      <c r="D1295" s="68" t="s">
        <v>568</v>
      </c>
      <c r="E1295" s="69" t="s">
        <v>719</v>
      </c>
      <c r="F1295" s="70" t="s">
        <v>48</v>
      </c>
    </row>
    <row r="1296" spans="1:6" ht="14.65" customHeight="1">
      <c r="A1296" s="67" t="s">
        <v>535</v>
      </c>
      <c r="B1296" s="150">
        <v>2410389</v>
      </c>
      <c r="C1296" s="68" t="s">
        <v>569</v>
      </c>
      <c r="D1296" s="68" t="s">
        <v>565</v>
      </c>
      <c r="E1296" s="69" t="s">
        <v>717</v>
      </c>
      <c r="F1296" s="70" t="s">
        <v>48</v>
      </c>
    </row>
    <row r="1297" spans="1:6" ht="14.65" customHeight="1">
      <c r="A1297" s="67" t="s">
        <v>535</v>
      </c>
      <c r="B1297" s="150">
        <v>2433028</v>
      </c>
      <c r="C1297" s="68" t="s">
        <v>569</v>
      </c>
      <c r="D1297" s="68" t="s">
        <v>565</v>
      </c>
      <c r="E1297" s="69" t="s">
        <v>709</v>
      </c>
      <c r="F1297" s="70" t="s">
        <v>48</v>
      </c>
    </row>
    <row r="1298" spans="1:6" ht="14.65" customHeight="1">
      <c r="A1298" s="40"/>
      <c r="B1298" s="145"/>
      <c r="C1298" s="41"/>
      <c r="D1298" s="41"/>
      <c r="E1298" s="42"/>
      <c r="F1298" s="43"/>
    </row>
    <row r="1299" spans="1:6" ht="14.65" customHeight="1">
      <c r="A1299" s="40" t="s">
        <v>535</v>
      </c>
      <c r="B1299" s="156">
        <v>2249464</v>
      </c>
      <c r="C1299" s="81" t="s">
        <v>570</v>
      </c>
      <c r="D1299" s="81" t="s">
        <v>571</v>
      </c>
      <c r="E1299" s="84" t="s">
        <v>718</v>
      </c>
      <c r="F1299" s="43" t="s">
        <v>48</v>
      </c>
    </row>
    <row r="1300" spans="1:6" ht="14.65" customHeight="1">
      <c r="A1300" s="40"/>
      <c r="B1300" s="156"/>
      <c r="C1300" s="81"/>
      <c r="D1300" s="81"/>
      <c r="E1300" s="84"/>
      <c r="F1300" s="43"/>
    </row>
    <row r="1301" spans="1:6" ht="14.65" customHeight="1">
      <c r="A1301" s="40" t="s">
        <v>535</v>
      </c>
      <c r="B1301" s="156">
        <v>2249472</v>
      </c>
      <c r="C1301" s="81" t="s">
        <v>572</v>
      </c>
      <c r="D1301" s="81" t="s">
        <v>571</v>
      </c>
      <c r="E1301" s="84" t="s">
        <v>718</v>
      </c>
      <c r="F1301" s="43" t="s">
        <v>48</v>
      </c>
    </row>
    <row r="1302" spans="1:6" ht="14.65" customHeight="1">
      <c r="A1302" s="40"/>
      <c r="B1302" s="145"/>
      <c r="C1302" s="41"/>
      <c r="D1302" s="81"/>
      <c r="E1302" s="42"/>
      <c r="F1302" s="43"/>
    </row>
    <row r="1303" spans="1:6" ht="14.65" customHeight="1">
      <c r="A1303" s="40" t="s">
        <v>535</v>
      </c>
      <c r="B1303" s="156">
        <v>2229453</v>
      </c>
      <c r="C1303" s="81" t="s">
        <v>573</v>
      </c>
      <c r="D1303" s="81" t="s">
        <v>574</v>
      </c>
      <c r="E1303" s="82" t="s">
        <v>718</v>
      </c>
      <c r="F1303" s="43" t="s">
        <v>48</v>
      </c>
    </row>
    <row r="1304" spans="1:6" ht="14.65" customHeight="1">
      <c r="A1304" s="40" t="s">
        <v>535</v>
      </c>
      <c r="B1304" s="156">
        <v>2285487</v>
      </c>
      <c r="C1304" s="81" t="s">
        <v>573</v>
      </c>
      <c r="D1304" s="81" t="s">
        <v>575</v>
      </c>
      <c r="E1304" s="82" t="s">
        <v>719</v>
      </c>
      <c r="F1304" s="43" t="s">
        <v>48</v>
      </c>
    </row>
    <row r="1305" spans="1:6" ht="14.65" customHeight="1">
      <c r="A1305" s="40" t="s">
        <v>535</v>
      </c>
      <c r="B1305" s="156">
        <v>2292920</v>
      </c>
      <c r="C1305" s="81" t="s">
        <v>573</v>
      </c>
      <c r="D1305" s="81" t="s">
        <v>576</v>
      </c>
      <c r="E1305" s="82" t="s">
        <v>683</v>
      </c>
      <c r="F1305" s="43" t="s">
        <v>48</v>
      </c>
    </row>
    <row r="1306" spans="1:6" ht="14.65" customHeight="1">
      <c r="A1306" s="40" t="s">
        <v>535</v>
      </c>
      <c r="B1306" s="156">
        <v>2301083</v>
      </c>
      <c r="C1306" s="81" t="s">
        <v>573</v>
      </c>
      <c r="D1306" s="81" t="s">
        <v>577</v>
      </c>
      <c r="E1306" s="82" t="s">
        <v>712</v>
      </c>
      <c r="F1306" s="43" t="s">
        <v>48</v>
      </c>
    </row>
    <row r="1307" spans="1:6" ht="14.65" customHeight="1">
      <c r="A1307" s="40" t="s">
        <v>535</v>
      </c>
      <c r="B1307" s="156">
        <v>2305046</v>
      </c>
      <c r="C1307" s="81" t="s">
        <v>573</v>
      </c>
      <c r="D1307" s="81" t="s">
        <v>578</v>
      </c>
      <c r="E1307" s="82" t="s">
        <v>711</v>
      </c>
      <c r="F1307" s="43" t="s">
        <v>48</v>
      </c>
    </row>
    <row r="1308" spans="1:6" ht="14.65" customHeight="1">
      <c r="A1308" s="40" t="s">
        <v>535</v>
      </c>
      <c r="B1308" s="156">
        <v>2307871</v>
      </c>
      <c r="C1308" s="81" t="s">
        <v>573</v>
      </c>
      <c r="D1308" s="81" t="s">
        <v>579</v>
      </c>
      <c r="E1308" s="82" t="s">
        <v>709</v>
      </c>
      <c r="F1308" s="43" t="s">
        <v>48</v>
      </c>
    </row>
    <row r="1309" spans="1:6" ht="14.65" customHeight="1">
      <c r="A1309" s="40" t="s">
        <v>535</v>
      </c>
      <c r="B1309" s="156">
        <v>2357054</v>
      </c>
      <c r="C1309" s="81" t="s">
        <v>573</v>
      </c>
      <c r="D1309" s="81" t="s">
        <v>580</v>
      </c>
      <c r="E1309" s="82" t="s">
        <v>695</v>
      </c>
      <c r="F1309" s="43" t="s">
        <v>48</v>
      </c>
    </row>
    <row r="1310" spans="1:6" ht="14.65" customHeight="1">
      <c r="A1310" s="40" t="s">
        <v>535</v>
      </c>
      <c r="B1310" s="156">
        <v>2370808</v>
      </c>
      <c r="C1310" s="81" t="s">
        <v>573</v>
      </c>
      <c r="D1310" s="81" t="s">
        <v>581</v>
      </c>
      <c r="E1310" s="82" t="s">
        <v>713</v>
      </c>
      <c r="F1310" s="43" t="s">
        <v>48</v>
      </c>
    </row>
    <row r="1311" spans="1:6" ht="14.65" customHeight="1">
      <c r="A1311" s="40" t="s">
        <v>535</v>
      </c>
      <c r="B1311" s="156">
        <v>2415208</v>
      </c>
      <c r="C1311" s="81" t="s">
        <v>573</v>
      </c>
      <c r="D1311" s="81" t="s">
        <v>582</v>
      </c>
      <c r="E1311" s="82" t="s">
        <v>686</v>
      </c>
      <c r="F1311" s="43" t="s">
        <v>48</v>
      </c>
    </row>
    <row r="1312" spans="1:6" ht="14.65" customHeight="1">
      <c r="A1312" s="40" t="s">
        <v>535</v>
      </c>
      <c r="B1312" s="156">
        <v>2416565</v>
      </c>
      <c r="C1312" s="81" t="s">
        <v>573</v>
      </c>
      <c r="D1312" s="81" t="s">
        <v>583</v>
      </c>
      <c r="E1312" s="82" t="s">
        <v>699</v>
      </c>
      <c r="F1312" s="43" t="s">
        <v>48</v>
      </c>
    </row>
    <row r="1313" spans="1:7" ht="14.65" customHeight="1">
      <c r="A1313" s="40" t="s">
        <v>535</v>
      </c>
      <c r="B1313" s="156">
        <v>2417448</v>
      </c>
      <c r="C1313" s="81" t="s">
        <v>573</v>
      </c>
      <c r="D1313" s="81" t="s">
        <v>584</v>
      </c>
      <c r="E1313" s="82" t="s">
        <v>701</v>
      </c>
      <c r="F1313" s="43" t="s">
        <v>48</v>
      </c>
    </row>
    <row r="1314" spans="1:7" ht="14.65" customHeight="1">
      <c r="A1314" s="40" t="s">
        <v>535</v>
      </c>
      <c r="B1314" s="156">
        <v>2428180</v>
      </c>
      <c r="C1314" s="81" t="s">
        <v>573</v>
      </c>
      <c r="D1314" s="81" t="s">
        <v>585</v>
      </c>
      <c r="E1314" s="82" t="s">
        <v>717</v>
      </c>
      <c r="F1314" s="43" t="s">
        <v>48</v>
      </c>
    </row>
    <row r="1315" spans="1:7" ht="14.65" customHeight="1">
      <c r="A1315" s="40" t="s">
        <v>535</v>
      </c>
      <c r="B1315" s="156">
        <v>2318695</v>
      </c>
      <c r="C1315" s="81" t="s">
        <v>573</v>
      </c>
      <c r="D1315" s="81" t="s">
        <v>586</v>
      </c>
      <c r="E1315" s="84" t="s">
        <v>710</v>
      </c>
      <c r="F1315" s="43" t="s">
        <v>48</v>
      </c>
    </row>
    <row r="1316" spans="1:7" ht="14.65" customHeight="1">
      <c r="A1316" s="40" t="s">
        <v>535</v>
      </c>
      <c r="B1316" s="151">
        <v>2467372</v>
      </c>
      <c r="C1316" s="43" t="s">
        <v>573</v>
      </c>
      <c r="D1316" s="64" t="s">
        <v>610</v>
      </c>
      <c r="E1316" s="60" t="s">
        <v>698</v>
      </c>
      <c r="F1316" s="43" t="s">
        <v>48</v>
      </c>
    </row>
    <row r="1317" spans="1:7" customFormat="1" ht="14.65" customHeight="1">
      <c r="A1317" s="104" t="s">
        <v>535</v>
      </c>
      <c r="B1317" s="136">
        <v>2471825</v>
      </c>
      <c r="C1317" s="98" t="s">
        <v>573</v>
      </c>
      <c r="D1317" s="98" t="s">
        <v>629</v>
      </c>
      <c r="E1317" s="99" t="s">
        <v>703</v>
      </c>
      <c r="F1317" s="95" t="s">
        <v>48</v>
      </c>
    </row>
    <row r="1318" spans="1:7" customFormat="1" ht="14.65" customHeight="1">
      <c r="A1318" s="104" t="s">
        <v>535</v>
      </c>
      <c r="B1318" s="136">
        <v>2392623</v>
      </c>
      <c r="C1318" s="98" t="s">
        <v>573</v>
      </c>
      <c r="D1318" s="98" t="s">
        <v>641</v>
      </c>
      <c r="E1318" s="99" t="s">
        <v>695</v>
      </c>
      <c r="F1318" s="95" t="s">
        <v>48</v>
      </c>
    </row>
    <row r="1319" spans="1:7" customFormat="1" ht="14.65" customHeight="1">
      <c r="A1319" s="104" t="s">
        <v>535</v>
      </c>
      <c r="B1319" s="136">
        <v>2431327</v>
      </c>
      <c r="C1319" s="98" t="s">
        <v>573</v>
      </c>
      <c r="D1319" s="98" t="s">
        <v>728</v>
      </c>
      <c r="E1319" s="99" t="s">
        <v>697</v>
      </c>
      <c r="F1319" s="95" t="s">
        <v>48</v>
      </c>
      <c r="G1319" s="186"/>
    </row>
    <row r="1320" spans="1:7" customFormat="1" ht="14.65" customHeight="1">
      <c r="A1320" s="104" t="s">
        <v>535</v>
      </c>
      <c r="B1320" s="136">
        <v>2547368</v>
      </c>
      <c r="C1320" s="98" t="s">
        <v>573</v>
      </c>
      <c r="D1320" s="98" t="s">
        <v>728</v>
      </c>
      <c r="E1320" s="99" t="s">
        <v>739</v>
      </c>
      <c r="F1320" s="95" t="s">
        <v>48</v>
      </c>
      <c r="G1320" s="196"/>
    </row>
    <row r="1321" spans="1:7" customFormat="1" ht="14.65" customHeight="1">
      <c r="A1321" s="92"/>
      <c r="B1321" s="135"/>
      <c r="C1321" s="93"/>
      <c r="D1321" s="93"/>
      <c r="E1321" s="94"/>
      <c r="F1321" s="95"/>
    </row>
    <row r="1322" spans="1:7" customFormat="1" ht="14.65" customHeight="1">
      <c r="A1322" s="92" t="s">
        <v>535</v>
      </c>
      <c r="B1322" s="193">
        <v>2244521</v>
      </c>
      <c r="C1322" s="194" t="s">
        <v>587</v>
      </c>
      <c r="D1322" s="194" t="s">
        <v>588</v>
      </c>
      <c r="E1322" s="195" t="s">
        <v>685</v>
      </c>
      <c r="F1322" s="95" t="s">
        <v>48</v>
      </c>
    </row>
    <row r="1323" spans="1:7" customFormat="1" ht="14.65" customHeight="1">
      <c r="A1323" s="92" t="s">
        <v>535</v>
      </c>
      <c r="B1323" s="193">
        <v>2339099</v>
      </c>
      <c r="C1323" s="194" t="s">
        <v>587</v>
      </c>
      <c r="D1323" s="194" t="s">
        <v>589</v>
      </c>
      <c r="E1323" s="195" t="s">
        <v>683</v>
      </c>
      <c r="F1323" s="95" t="s">
        <v>48</v>
      </c>
    </row>
    <row r="1324" spans="1:7" ht="14.65" customHeight="1">
      <c r="A1324" s="40" t="s">
        <v>535</v>
      </c>
      <c r="B1324" s="156">
        <v>2423855</v>
      </c>
      <c r="C1324" s="81" t="s">
        <v>587</v>
      </c>
      <c r="D1324" s="81" t="s">
        <v>590</v>
      </c>
      <c r="E1324" s="82" t="s">
        <v>682</v>
      </c>
      <c r="F1324" s="43" t="s">
        <v>48</v>
      </c>
    </row>
    <row r="1325" spans="1:7" ht="14.65" customHeight="1">
      <c r="A1325" s="40" t="s">
        <v>535</v>
      </c>
      <c r="B1325" s="156">
        <v>2423979</v>
      </c>
      <c r="C1325" s="81" t="s">
        <v>587</v>
      </c>
      <c r="D1325" s="81" t="s">
        <v>591</v>
      </c>
      <c r="E1325" s="82" t="s">
        <v>711</v>
      </c>
      <c r="F1325" s="43" t="s">
        <v>48</v>
      </c>
    </row>
    <row r="1326" spans="1:7" ht="14.65" customHeight="1">
      <c r="A1326" s="40" t="s">
        <v>535</v>
      </c>
      <c r="B1326" s="156">
        <v>2442493</v>
      </c>
      <c r="C1326" s="81" t="s">
        <v>587</v>
      </c>
      <c r="D1326" s="81" t="s">
        <v>592</v>
      </c>
      <c r="E1326" s="82" t="s">
        <v>717</v>
      </c>
      <c r="F1326" s="43" t="s">
        <v>48</v>
      </c>
    </row>
    <row r="1327" spans="1:7" ht="14.65" customHeight="1">
      <c r="A1327" s="40" t="s">
        <v>535</v>
      </c>
      <c r="B1327" s="156">
        <v>2460920</v>
      </c>
      <c r="C1327" s="81" t="s">
        <v>587</v>
      </c>
      <c r="D1327" s="81" t="s">
        <v>593</v>
      </c>
      <c r="E1327" s="84" t="s">
        <v>712</v>
      </c>
      <c r="F1327" s="43" t="s">
        <v>48</v>
      </c>
    </row>
    <row r="1328" spans="1:7" ht="14.65" customHeight="1">
      <c r="A1328" s="50" t="s">
        <v>535</v>
      </c>
      <c r="B1328" s="157">
        <v>2479419</v>
      </c>
      <c r="C1328" s="85" t="s">
        <v>587</v>
      </c>
      <c r="D1328" s="85" t="s">
        <v>612</v>
      </c>
      <c r="E1328" s="86" t="s">
        <v>702</v>
      </c>
      <c r="F1328" s="43" t="s">
        <v>48</v>
      </c>
    </row>
    <row r="1329" spans="1:7" ht="14.65" customHeight="1">
      <c r="A1329" s="50" t="s">
        <v>535</v>
      </c>
      <c r="B1329" s="157">
        <v>2520109</v>
      </c>
      <c r="C1329" s="85" t="s">
        <v>587</v>
      </c>
      <c r="D1329" s="85" t="s">
        <v>659</v>
      </c>
      <c r="E1329" s="86" t="s">
        <v>698</v>
      </c>
      <c r="F1329" s="43" t="s">
        <v>48</v>
      </c>
    </row>
    <row r="1330" spans="1:7" ht="14.65" customHeight="1">
      <c r="A1330" s="87" t="s">
        <v>535</v>
      </c>
      <c r="B1330" s="139">
        <v>2520699</v>
      </c>
      <c r="C1330" s="89" t="s">
        <v>587</v>
      </c>
      <c r="D1330" s="90" t="s">
        <v>592</v>
      </c>
      <c r="E1330" s="86" t="s">
        <v>695</v>
      </c>
      <c r="F1330" s="43" t="s">
        <v>48</v>
      </c>
    </row>
    <row r="1331" spans="1:7" ht="14.65" customHeight="1">
      <c r="A1331" s="53" t="s">
        <v>535</v>
      </c>
      <c r="B1331" s="154">
        <v>2528479</v>
      </c>
      <c r="C1331" s="133" t="s">
        <v>587</v>
      </c>
      <c r="D1331" s="134" t="s">
        <v>673</v>
      </c>
      <c r="E1331" s="86" t="s">
        <v>709</v>
      </c>
      <c r="F1331" s="43" t="s">
        <v>48</v>
      </c>
    </row>
    <row r="1332" spans="1:7" ht="14.65" customHeight="1">
      <c r="A1332" s="53" t="s">
        <v>535</v>
      </c>
      <c r="B1332" s="154">
        <v>2535335</v>
      </c>
      <c r="C1332" s="133" t="s">
        <v>587</v>
      </c>
      <c r="D1332" s="134" t="s">
        <v>592</v>
      </c>
      <c r="E1332" s="86" t="s">
        <v>713</v>
      </c>
      <c r="F1332" s="43" t="s">
        <v>48</v>
      </c>
      <c r="G1332" s="169"/>
    </row>
    <row r="1333" spans="1:7" ht="14.65" customHeight="1">
      <c r="A1333" s="40"/>
      <c r="B1333" s="156"/>
      <c r="C1333" s="81"/>
      <c r="D1333" s="81"/>
      <c r="E1333" s="82"/>
      <c r="F1333" s="43"/>
    </row>
    <row r="1334" spans="1:7" ht="14.65" customHeight="1">
      <c r="A1334" s="40" t="s">
        <v>535</v>
      </c>
      <c r="B1334" s="156">
        <v>2244522</v>
      </c>
      <c r="C1334" s="81" t="s">
        <v>594</v>
      </c>
      <c r="D1334" s="81" t="s">
        <v>595</v>
      </c>
      <c r="E1334" s="82" t="s">
        <v>685</v>
      </c>
      <c r="F1334" s="43" t="s">
        <v>48</v>
      </c>
    </row>
    <row r="1335" spans="1:7" ht="14.65" customHeight="1">
      <c r="A1335" s="40" t="s">
        <v>535</v>
      </c>
      <c r="B1335" s="156">
        <v>2339102</v>
      </c>
      <c r="C1335" s="81" t="s">
        <v>594</v>
      </c>
      <c r="D1335" s="81" t="s">
        <v>589</v>
      </c>
      <c r="E1335" s="82" t="s">
        <v>683</v>
      </c>
      <c r="F1335" s="43" t="s">
        <v>48</v>
      </c>
    </row>
    <row r="1336" spans="1:7" ht="14.65" customHeight="1">
      <c r="A1336" s="40" t="s">
        <v>535</v>
      </c>
      <c r="B1336" s="156">
        <v>2423863</v>
      </c>
      <c r="C1336" s="81" t="s">
        <v>594</v>
      </c>
      <c r="D1336" s="81" t="s">
        <v>596</v>
      </c>
      <c r="E1336" s="82" t="s">
        <v>682</v>
      </c>
      <c r="F1336" s="43" t="s">
        <v>48</v>
      </c>
    </row>
    <row r="1337" spans="1:7" ht="14.65" customHeight="1">
      <c r="A1337" s="40" t="s">
        <v>535</v>
      </c>
      <c r="B1337" s="156">
        <v>2423987</v>
      </c>
      <c r="C1337" s="81" t="s">
        <v>594</v>
      </c>
      <c r="D1337" s="81" t="s">
        <v>591</v>
      </c>
      <c r="E1337" s="82" t="s">
        <v>711</v>
      </c>
      <c r="F1337" s="43" t="s">
        <v>48</v>
      </c>
    </row>
    <row r="1338" spans="1:7" ht="14.65" customHeight="1">
      <c r="A1338" s="40" t="s">
        <v>535</v>
      </c>
      <c r="B1338" s="156">
        <v>2431173</v>
      </c>
      <c r="C1338" s="81" t="s">
        <v>594</v>
      </c>
      <c r="D1338" s="81" t="s">
        <v>592</v>
      </c>
      <c r="E1338" s="82" t="s">
        <v>713</v>
      </c>
      <c r="F1338" s="43" t="s">
        <v>48</v>
      </c>
    </row>
    <row r="1339" spans="1:7" ht="14.65" customHeight="1">
      <c r="A1339" s="40" t="s">
        <v>535</v>
      </c>
      <c r="B1339" s="156">
        <v>2442507</v>
      </c>
      <c r="C1339" s="81" t="s">
        <v>594</v>
      </c>
      <c r="D1339" s="81" t="s">
        <v>592</v>
      </c>
      <c r="E1339" s="82" t="s">
        <v>717</v>
      </c>
      <c r="F1339" s="43" t="s">
        <v>48</v>
      </c>
    </row>
    <row r="1340" spans="1:7" ht="14.65" customHeight="1">
      <c r="A1340" s="40" t="s">
        <v>535</v>
      </c>
      <c r="B1340" s="156">
        <v>2460939</v>
      </c>
      <c r="C1340" s="81" t="s">
        <v>597</v>
      </c>
      <c r="D1340" s="81" t="s">
        <v>593</v>
      </c>
      <c r="E1340" s="84" t="s">
        <v>712</v>
      </c>
      <c r="F1340" s="43" t="s">
        <v>48</v>
      </c>
    </row>
    <row r="1341" spans="1:7" ht="14.65" customHeight="1">
      <c r="A1341" s="50" t="s">
        <v>535</v>
      </c>
      <c r="B1341" s="146">
        <v>2479427</v>
      </c>
      <c r="C1341" s="43" t="s">
        <v>594</v>
      </c>
      <c r="D1341" s="43" t="s">
        <v>612</v>
      </c>
      <c r="E1341" s="86" t="s">
        <v>702</v>
      </c>
      <c r="F1341" s="43" t="s">
        <v>48</v>
      </c>
    </row>
    <row r="1342" spans="1:7" ht="14.65" customHeight="1">
      <c r="A1342" s="50" t="s">
        <v>535</v>
      </c>
      <c r="B1342" s="146">
        <v>2520117</v>
      </c>
      <c r="C1342" s="43" t="s">
        <v>594</v>
      </c>
      <c r="D1342" s="43" t="s">
        <v>659</v>
      </c>
      <c r="E1342" s="86" t="s">
        <v>698</v>
      </c>
      <c r="F1342" s="43" t="s">
        <v>48</v>
      </c>
    </row>
    <row r="1343" spans="1:7" ht="14.65" customHeight="1">
      <c r="A1343" s="91" t="s">
        <v>535</v>
      </c>
      <c r="B1343" s="158">
        <v>2520702</v>
      </c>
      <c r="C1343" s="89" t="s">
        <v>594</v>
      </c>
      <c r="D1343" s="90" t="s">
        <v>592</v>
      </c>
      <c r="E1343" s="86" t="s">
        <v>695</v>
      </c>
      <c r="F1343" s="43" t="s">
        <v>48</v>
      </c>
    </row>
    <row r="1344" spans="1:7">
      <c r="A1344" s="53" t="s">
        <v>535</v>
      </c>
      <c r="B1344" s="146">
        <v>2528487</v>
      </c>
      <c r="C1344" s="46" t="s">
        <v>594</v>
      </c>
      <c r="D1344" s="46" t="s">
        <v>673</v>
      </c>
      <c r="E1344" s="45" t="s">
        <v>709</v>
      </c>
      <c r="F1344" s="43" t="s">
        <v>48</v>
      </c>
    </row>
    <row r="1345" spans="1:6">
      <c r="A1345" s="53"/>
      <c r="B1345" s="146"/>
      <c r="C1345" s="46"/>
      <c r="D1345" s="46"/>
      <c r="E1345" s="45"/>
      <c r="F1345" s="43"/>
    </row>
    <row r="1346" spans="1:6" ht="14.65" customHeight="1">
      <c r="A1346" s="204" t="s">
        <v>632</v>
      </c>
      <c r="B1346" s="200" t="s">
        <v>598</v>
      </c>
      <c r="C1346" s="200"/>
      <c r="D1346" s="200"/>
      <c r="E1346" s="200"/>
      <c r="F1346" s="200"/>
    </row>
    <row r="1347" spans="1:6">
      <c r="A1347" s="204"/>
      <c r="B1347" s="200"/>
      <c r="C1347" s="200"/>
      <c r="D1347" s="200"/>
      <c r="E1347" s="200"/>
      <c r="F1347" s="200"/>
    </row>
    <row r="1348" spans="1:6">
      <c r="A1348" s="129"/>
      <c r="B1348" s="167"/>
      <c r="C1348" s="128"/>
      <c r="D1348" s="128"/>
      <c r="E1348" s="128"/>
      <c r="F1348" s="128"/>
    </row>
    <row r="1350" spans="1:6">
      <c r="D1350" s="11" t="s">
        <v>662</v>
      </c>
    </row>
  </sheetData>
  <mergeCells count="23">
    <mergeCell ref="A476:A477"/>
    <mergeCell ref="A442:E443"/>
    <mergeCell ref="B1346:F1347"/>
    <mergeCell ref="A1346:A1347"/>
    <mergeCell ref="B1238:F1239"/>
    <mergeCell ref="A1238:A1239"/>
    <mergeCell ref="A1241:D1242"/>
    <mergeCell ref="A479:D480"/>
    <mergeCell ref="A529:D530"/>
    <mergeCell ref="A930:D931"/>
    <mergeCell ref="B927:F928"/>
    <mergeCell ref="A927:A928"/>
    <mergeCell ref="B526:F527"/>
    <mergeCell ref="A526:A527"/>
    <mergeCell ref="B476:F477"/>
    <mergeCell ref="B4:F4"/>
    <mergeCell ref="A6:E7"/>
    <mergeCell ref="A353:E354"/>
    <mergeCell ref="B5:F5"/>
    <mergeCell ref="B439:F440"/>
    <mergeCell ref="A439:A440"/>
    <mergeCell ref="B350:F351"/>
    <mergeCell ref="A350:A351"/>
  </mergeCells>
  <conditionalFormatting sqref="B33">
    <cfRule type="duplicateValues" dxfId="307" priority="33" stopIfTrue="1"/>
    <cfRule type="duplicateValues" dxfId="306" priority="32" stopIfTrue="1"/>
    <cfRule type="duplicateValues" dxfId="305" priority="31" stopIfTrue="1"/>
    <cfRule type="duplicateValues" dxfId="304" priority="30"/>
  </conditionalFormatting>
  <conditionalFormatting sqref="B48">
    <cfRule type="duplicateValues" dxfId="303" priority="182"/>
    <cfRule type="duplicateValues" dxfId="302" priority="181"/>
    <cfRule type="duplicateValues" dxfId="301" priority="180"/>
    <cfRule type="duplicateValues" dxfId="300" priority="179"/>
    <cfRule type="duplicateValues" dxfId="299" priority="176"/>
    <cfRule type="duplicateValues" dxfId="298" priority="177"/>
    <cfRule type="duplicateValues" dxfId="297" priority="178"/>
  </conditionalFormatting>
  <conditionalFormatting sqref="B49">
    <cfRule type="duplicateValues" dxfId="296" priority="27" stopIfTrue="1"/>
    <cfRule type="duplicateValues" dxfId="295" priority="26"/>
    <cfRule type="duplicateValues" dxfId="294" priority="28" stopIfTrue="1"/>
    <cfRule type="duplicateValues" dxfId="293" priority="29" stopIfTrue="1"/>
  </conditionalFormatting>
  <conditionalFormatting sqref="B64">
    <cfRule type="duplicateValues" dxfId="292" priority="173"/>
    <cfRule type="duplicateValues" dxfId="291" priority="169"/>
    <cfRule type="duplicateValues" dxfId="290" priority="170"/>
    <cfRule type="duplicateValues" dxfId="289" priority="171"/>
    <cfRule type="duplicateValues" dxfId="288" priority="172"/>
    <cfRule type="duplicateValues" dxfId="287" priority="174"/>
    <cfRule type="duplicateValues" dxfId="286" priority="175"/>
  </conditionalFormatting>
  <conditionalFormatting sqref="B65">
    <cfRule type="duplicateValues" dxfId="285" priority="25" stopIfTrue="1"/>
    <cfRule type="duplicateValues" dxfId="284" priority="22"/>
    <cfRule type="duplicateValues" dxfId="283" priority="23" stopIfTrue="1"/>
    <cfRule type="duplicateValues" dxfId="282" priority="24" stopIfTrue="1"/>
  </conditionalFormatting>
  <conditionalFormatting sqref="B80">
    <cfRule type="duplicateValues" dxfId="281" priority="168"/>
    <cfRule type="duplicateValues" dxfId="280" priority="166"/>
    <cfRule type="duplicateValues" dxfId="279" priority="167"/>
  </conditionalFormatting>
  <conditionalFormatting sqref="B81">
    <cfRule type="duplicateValues" dxfId="278" priority="21" stopIfTrue="1"/>
    <cfRule type="duplicateValues" dxfId="277" priority="20" stopIfTrue="1"/>
    <cfRule type="duplicateValues" dxfId="276" priority="19" stopIfTrue="1"/>
    <cfRule type="duplicateValues" dxfId="275" priority="18"/>
  </conditionalFormatting>
  <conditionalFormatting sqref="B163">
    <cfRule type="duplicateValues" dxfId="274" priority="295"/>
    <cfRule type="duplicateValues" dxfId="273" priority="294"/>
    <cfRule type="duplicateValues" dxfId="272" priority="293"/>
  </conditionalFormatting>
  <conditionalFormatting sqref="B194">
    <cfRule type="duplicateValues" dxfId="271" priority="9"/>
  </conditionalFormatting>
  <conditionalFormatting sqref="B208">
    <cfRule type="duplicateValues" dxfId="270" priority="8"/>
  </conditionalFormatting>
  <conditionalFormatting sqref="B222">
    <cfRule type="duplicateValues" dxfId="269" priority="7"/>
  </conditionalFormatting>
  <conditionalFormatting sqref="B249:B250">
    <cfRule type="duplicateValues" dxfId="268" priority="319" stopIfTrue="1"/>
    <cfRule type="duplicateValues" dxfId="267" priority="318" stopIfTrue="1"/>
    <cfRule type="duplicateValues" dxfId="266" priority="317" stopIfTrue="1"/>
  </conditionalFormatting>
  <conditionalFormatting sqref="B255">
    <cfRule type="duplicateValues" dxfId="265" priority="190"/>
    <cfRule type="duplicateValues" dxfId="264" priority="189"/>
    <cfRule type="duplicateValues" dxfId="263" priority="191"/>
  </conditionalFormatting>
  <conditionalFormatting sqref="B256:B257">
    <cfRule type="duplicateValues" dxfId="262" priority="77"/>
    <cfRule type="duplicateValues" dxfId="261" priority="78"/>
    <cfRule type="duplicateValues" dxfId="260" priority="79"/>
  </conditionalFormatting>
  <conditionalFormatting sqref="B270">
    <cfRule type="duplicateValues" dxfId="259" priority="187"/>
    <cfRule type="duplicateValues" dxfId="258" priority="188"/>
    <cfRule type="duplicateValues" dxfId="257" priority="186"/>
  </conditionalFormatting>
  <conditionalFormatting sqref="B285">
    <cfRule type="duplicateValues" dxfId="256" priority="183"/>
    <cfRule type="duplicateValues" dxfId="255" priority="184"/>
    <cfRule type="duplicateValues" dxfId="254" priority="185"/>
  </conditionalFormatting>
  <conditionalFormatting sqref="B309">
    <cfRule type="duplicateValues" dxfId="253" priority="44"/>
  </conditionalFormatting>
  <conditionalFormatting sqref="B318">
    <cfRule type="duplicateValues" dxfId="252" priority="40" stopIfTrue="1"/>
    <cfRule type="duplicateValues" dxfId="251" priority="41" stopIfTrue="1"/>
    <cfRule type="duplicateValues" dxfId="250" priority="42" stopIfTrue="1"/>
    <cfRule type="duplicateValues" dxfId="249" priority="43"/>
  </conditionalFormatting>
  <conditionalFormatting sqref="B389">
    <cfRule type="duplicateValues" dxfId="248" priority="115" stopIfTrue="1"/>
  </conditionalFormatting>
  <conditionalFormatting sqref="B394">
    <cfRule type="duplicateValues" dxfId="247" priority="285" stopIfTrue="1"/>
    <cfRule type="duplicateValues" dxfId="246" priority="283" stopIfTrue="1"/>
    <cfRule type="duplicateValues" dxfId="245" priority="284" stopIfTrue="1"/>
  </conditionalFormatting>
  <conditionalFormatting sqref="B461:B463">
    <cfRule type="duplicateValues" dxfId="244" priority="58" stopIfTrue="1"/>
    <cfRule type="duplicateValues" dxfId="243" priority="57" stopIfTrue="1"/>
    <cfRule type="duplicateValues" dxfId="242" priority="56" stopIfTrue="1"/>
  </conditionalFormatting>
  <conditionalFormatting sqref="B461:B465">
    <cfRule type="duplicateValues" dxfId="241" priority="55"/>
  </conditionalFormatting>
  <conditionalFormatting sqref="B468:B469">
    <cfRule type="duplicateValues" dxfId="240" priority="54" stopIfTrue="1"/>
    <cfRule type="duplicateValues" dxfId="239" priority="53" stopIfTrue="1"/>
    <cfRule type="duplicateValues" dxfId="238" priority="52" stopIfTrue="1"/>
  </conditionalFormatting>
  <conditionalFormatting sqref="B468:B471">
    <cfRule type="duplicateValues" dxfId="237" priority="51"/>
  </conditionalFormatting>
  <conditionalFormatting sqref="B609">
    <cfRule type="duplicateValues" dxfId="236" priority="264" stopIfTrue="1"/>
    <cfRule type="duplicateValues" dxfId="235" priority="263" stopIfTrue="1"/>
    <cfRule type="duplicateValues" dxfId="234" priority="262" stopIfTrue="1"/>
  </conditionalFormatting>
  <conditionalFormatting sqref="B613:B617">
    <cfRule type="duplicateValues" dxfId="233" priority="314" stopIfTrue="1"/>
    <cfRule type="duplicateValues" dxfId="232" priority="315" stopIfTrue="1"/>
    <cfRule type="duplicateValues" dxfId="231" priority="316" stopIfTrue="1"/>
  </conditionalFormatting>
  <conditionalFormatting sqref="B618">
    <cfRule type="duplicateValues" dxfId="230" priority="68" stopIfTrue="1"/>
    <cfRule type="duplicateValues" dxfId="229" priority="65"/>
    <cfRule type="duplicateValues" dxfId="228" priority="66" stopIfTrue="1"/>
    <cfRule type="duplicateValues" dxfId="227" priority="67" stopIfTrue="1"/>
  </conditionalFormatting>
  <conditionalFormatting sqref="B624">
    <cfRule type="duplicateValues" dxfId="226" priority="261" stopIfTrue="1"/>
    <cfRule type="duplicateValues" dxfId="225" priority="259" stopIfTrue="1"/>
    <cfRule type="duplicateValues" dxfId="224" priority="260" stopIfTrue="1"/>
  </conditionalFormatting>
  <conditionalFormatting sqref="B627:B630">
    <cfRule type="duplicateValues" dxfId="223" priority="312" stopIfTrue="1"/>
    <cfRule type="duplicateValues" dxfId="222" priority="311" stopIfTrue="1"/>
    <cfRule type="duplicateValues" dxfId="221" priority="313" stopIfTrue="1"/>
  </conditionalFormatting>
  <conditionalFormatting sqref="B631:B632">
    <cfRule type="duplicateValues" dxfId="220" priority="302"/>
    <cfRule type="duplicateValues" dxfId="219" priority="304"/>
    <cfRule type="duplicateValues" dxfId="218" priority="303"/>
  </conditionalFormatting>
  <conditionalFormatting sqref="B633">
    <cfRule type="duplicateValues" dxfId="217" priority="63"/>
    <cfRule type="duplicateValues" dxfId="216" priority="64"/>
    <cfRule type="duplicateValues" dxfId="215" priority="62"/>
    <cfRule type="duplicateValues" dxfId="214" priority="61"/>
  </conditionalFormatting>
  <conditionalFormatting sqref="B637">
    <cfRule type="duplicateValues" dxfId="213" priority="256" stopIfTrue="1"/>
    <cfRule type="duplicateValues" dxfId="212" priority="257" stopIfTrue="1"/>
    <cfRule type="duplicateValues" dxfId="211" priority="258" stopIfTrue="1"/>
  </conditionalFormatting>
  <conditionalFormatting sqref="B640:B643">
    <cfRule type="duplicateValues" dxfId="210" priority="310" stopIfTrue="1"/>
    <cfRule type="duplicateValues" dxfId="209" priority="309" stopIfTrue="1"/>
    <cfRule type="duplicateValues" dxfId="208" priority="308" stopIfTrue="1"/>
  </conditionalFormatting>
  <conditionalFormatting sqref="B644:B645">
    <cfRule type="duplicateValues" dxfId="207" priority="300"/>
    <cfRule type="duplicateValues" dxfId="206" priority="301"/>
    <cfRule type="duplicateValues" dxfId="205" priority="299"/>
  </conditionalFormatting>
  <conditionalFormatting sqref="B648">
    <cfRule type="duplicateValues" dxfId="204" priority="60"/>
  </conditionalFormatting>
  <conditionalFormatting sqref="B653:B656">
    <cfRule type="duplicateValues" dxfId="203" priority="307" stopIfTrue="1"/>
    <cfRule type="duplicateValues" dxfId="202" priority="305" stopIfTrue="1"/>
    <cfRule type="duplicateValues" dxfId="201" priority="306" stopIfTrue="1"/>
  </conditionalFormatting>
  <conditionalFormatting sqref="B662:B663">
    <cfRule type="duplicateValues" dxfId="200" priority="325" stopIfTrue="1"/>
  </conditionalFormatting>
  <conditionalFormatting sqref="B664">
    <cfRule type="duplicateValues" dxfId="199" priority="255" stopIfTrue="1"/>
    <cfRule type="duplicateValues" dxfId="198" priority="254" stopIfTrue="1"/>
    <cfRule type="duplicateValues" dxfId="197" priority="253" stopIfTrue="1"/>
  </conditionalFormatting>
  <conditionalFormatting sqref="B665:B666">
    <cfRule type="duplicateValues" dxfId="196" priority="75" stopIfTrue="1"/>
    <cfRule type="duplicateValues" dxfId="195" priority="74" stopIfTrue="1"/>
    <cfRule type="duplicateValues" dxfId="194" priority="73" stopIfTrue="1"/>
  </conditionalFormatting>
  <conditionalFormatting sqref="B671">
    <cfRule type="duplicateValues" dxfId="193" priority="297"/>
    <cfRule type="duplicateValues" dxfId="192" priority="296"/>
    <cfRule type="duplicateValues" dxfId="191" priority="298"/>
  </conditionalFormatting>
  <conditionalFormatting sqref="B683">
    <cfRule type="duplicateValues" dxfId="190" priority="200"/>
    <cfRule type="duplicateValues" dxfId="189" priority="204"/>
    <cfRule type="duplicateValues" dxfId="188" priority="198"/>
    <cfRule type="duplicateValues" dxfId="187" priority="199"/>
    <cfRule type="duplicateValues" dxfId="186" priority="201"/>
    <cfRule type="duplicateValues" dxfId="185" priority="202"/>
    <cfRule type="duplicateValues" dxfId="184" priority="203"/>
  </conditionalFormatting>
  <conditionalFormatting sqref="B684">
    <cfRule type="duplicateValues" dxfId="183" priority="128"/>
    <cfRule type="duplicateValues" dxfId="182" priority="123"/>
    <cfRule type="duplicateValues" dxfId="181" priority="124"/>
    <cfRule type="duplicateValues" dxfId="180" priority="127"/>
    <cfRule type="duplicateValues" dxfId="179" priority="126"/>
    <cfRule type="duplicateValues" dxfId="178" priority="125"/>
    <cfRule type="duplicateValues" dxfId="177" priority="122"/>
  </conditionalFormatting>
  <conditionalFormatting sqref="B701">
    <cfRule type="duplicateValues" dxfId="176" priority="17"/>
    <cfRule type="duplicateValues" dxfId="175" priority="16" stopIfTrue="1"/>
  </conditionalFormatting>
  <conditionalFormatting sqref="B704">
    <cfRule type="duplicateValues" dxfId="174" priority="14" stopIfTrue="1"/>
    <cfRule type="duplicateValues" dxfId="173" priority="15"/>
  </conditionalFormatting>
  <conditionalFormatting sqref="B707:B708">
    <cfRule type="duplicateValues" dxfId="172" priority="12" stopIfTrue="1"/>
    <cfRule type="duplicateValues" dxfId="171" priority="13"/>
  </conditionalFormatting>
  <conditionalFormatting sqref="B711:B712">
    <cfRule type="duplicateValues" dxfId="170" priority="10" stopIfTrue="1"/>
    <cfRule type="duplicateValues" dxfId="169" priority="11"/>
  </conditionalFormatting>
  <conditionalFormatting sqref="B721">
    <cfRule type="duplicateValues" dxfId="168" priority="196"/>
    <cfRule type="duplicateValues" dxfId="167" priority="195"/>
    <cfRule type="duplicateValues" dxfId="166" priority="197"/>
  </conditionalFormatting>
  <conditionalFormatting sqref="B722">
    <cfRule type="duplicateValues" dxfId="165" priority="121"/>
    <cfRule type="duplicateValues" dxfId="164" priority="120"/>
    <cfRule type="duplicateValues" dxfId="163" priority="119"/>
  </conditionalFormatting>
  <conditionalFormatting sqref="B732">
    <cfRule type="duplicateValues" dxfId="162" priority="116"/>
    <cfRule type="duplicateValues" dxfId="161" priority="118"/>
    <cfRule type="duplicateValues" dxfId="160" priority="117"/>
  </conditionalFormatting>
  <conditionalFormatting sqref="B738">
    <cfRule type="duplicateValues" dxfId="159" priority="491" stopIfTrue="1"/>
  </conditionalFormatting>
  <conditionalFormatting sqref="B739">
    <cfRule type="duplicateValues" dxfId="158" priority="249" stopIfTrue="1"/>
    <cfRule type="duplicateValues" dxfId="157" priority="248" stopIfTrue="1"/>
    <cfRule type="duplicateValues" dxfId="156" priority="247" stopIfTrue="1"/>
  </conditionalFormatting>
  <conditionalFormatting sqref="B741:B742">
    <cfRule type="duplicateValues" dxfId="155" priority="246" stopIfTrue="1"/>
    <cfRule type="duplicateValues" dxfId="154" priority="245" stopIfTrue="1"/>
    <cfRule type="duplicateValues" dxfId="153" priority="244" stopIfTrue="1"/>
  </conditionalFormatting>
  <conditionalFormatting sqref="B748">
    <cfRule type="duplicateValues" dxfId="152" priority="241" stopIfTrue="1"/>
    <cfRule type="duplicateValues" dxfId="151" priority="242" stopIfTrue="1"/>
    <cfRule type="duplicateValues" dxfId="150" priority="243" stopIfTrue="1"/>
  </conditionalFormatting>
  <conditionalFormatting sqref="B749">
    <cfRule type="duplicateValues" dxfId="149" priority="238" stopIfTrue="1"/>
    <cfRule type="duplicateValues" dxfId="148" priority="239" stopIfTrue="1"/>
    <cfRule type="duplicateValues" dxfId="147" priority="240" stopIfTrue="1"/>
  </conditionalFormatting>
  <conditionalFormatting sqref="B757">
    <cfRule type="duplicateValues" dxfId="146" priority="235" stopIfTrue="1"/>
    <cfRule type="duplicateValues" dxfId="145" priority="236" stopIfTrue="1"/>
    <cfRule type="duplicateValues" dxfId="144" priority="237" stopIfTrue="1"/>
  </conditionalFormatting>
  <conditionalFormatting sqref="B758">
    <cfRule type="duplicateValues" dxfId="143" priority="232" stopIfTrue="1"/>
    <cfRule type="duplicateValues" dxfId="142" priority="233" stopIfTrue="1"/>
    <cfRule type="duplicateValues" dxfId="141" priority="234" stopIfTrue="1"/>
  </conditionalFormatting>
  <conditionalFormatting sqref="B765">
    <cfRule type="duplicateValues" dxfId="140" priority="229" stopIfTrue="1"/>
    <cfRule type="duplicateValues" dxfId="139" priority="230" stopIfTrue="1"/>
    <cfRule type="duplicateValues" dxfId="138" priority="231" stopIfTrue="1"/>
  </conditionalFormatting>
  <conditionalFormatting sqref="B766">
    <cfRule type="duplicateValues" dxfId="137" priority="228" stopIfTrue="1"/>
    <cfRule type="duplicateValues" dxfId="136" priority="226" stopIfTrue="1"/>
    <cfRule type="duplicateValues" dxfId="135" priority="227" stopIfTrue="1"/>
  </conditionalFormatting>
  <conditionalFormatting sqref="B795">
    <cfRule type="duplicateValues" dxfId="134" priority="291"/>
    <cfRule type="duplicateValues" dxfId="133" priority="292"/>
    <cfRule type="duplicateValues" dxfId="132" priority="290"/>
    <cfRule type="duplicateValues" dxfId="131" priority="286"/>
    <cfRule type="duplicateValues" dxfId="130" priority="287"/>
    <cfRule type="duplicateValues" dxfId="129" priority="288"/>
    <cfRule type="duplicateValues" dxfId="128" priority="289"/>
  </conditionalFormatting>
  <conditionalFormatting sqref="B806:B808">
    <cfRule type="duplicateValues" dxfId="127" priority="324" stopIfTrue="1"/>
  </conditionalFormatting>
  <conditionalFormatting sqref="B814">
    <cfRule type="duplicateValues" dxfId="126" priority="46"/>
    <cfRule type="duplicateValues" dxfId="125" priority="45" stopIfTrue="1"/>
  </conditionalFormatting>
  <conditionalFormatting sqref="B828">
    <cfRule type="duplicateValues" dxfId="124" priority="49" stopIfTrue="1"/>
    <cfRule type="duplicateValues" dxfId="123" priority="50"/>
  </conditionalFormatting>
  <conditionalFormatting sqref="B842">
    <cfRule type="duplicateValues" dxfId="122" priority="47" stopIfTrue="1"/>
    <cfRule type="duplicateValues" dxfId="121" priority="48"/>
  </conditionalFormatting>
  <conditionalFormatting sqref="B862">
    <cfRule type="duplicateValues" dxfId="120" priority="276" stopIfTrue="1"/>
    <cfRule type="duplicateValues" dxfId="119" priority="274" stopIfTrue="1"/>
    <cfRule type="duplicateValues" dxfId="118" priority="275" stopIfTrue="1"/>
  </conditionalFormatting>
  <conditionalFormatting sqref="B878">
    <cfRule type="duplicateValues" dxfId="117" priority="224" stopIfTrue="1"/>
    <cfRule type="duplicateValues" dxfId="116" priority="223" stopIfTrue="1"/>
    <cfRule type="duplicateValues" dxfId="115" priority="225" stopIfTrue="1"/>
  </conditionalFormatting>
  <conditionalFormatting sqref="B902">
    <cfRule type="duplicateValues" dxfId="114" priority="212"/>
    <cfRule type="duplicateValues" dxfId="113" priority="213"/>
    <cfRule type="duplicateValues" dxfId="112" priority="214"/>
    <cfRule type="duplicateValues" dxfId="111" priority="215"/>
    <cfRule type="duplicateValues" dxfId="110" priority="216"/>
    <cfRule type="duplicateValues" dxfId="109" priority="217"/>
    <cfRule type="duplicateValues" dxfId="108" priority="218"/>
  </conditionalFormatting>
  <conditionalFormatting sqref="B903">
    <cfRule type="duplicateValues" dxfId="107" priority="109"/>
    <cfRule type="duplicateValues" dxfId="106" priority="108"/>
    <cfRule type="duplicateValues" dxfId="105" priority="114"/>
    <cfRule type="duplicateValues" dxfId="104" priority="113"/>
    <cfRule type="duplicateValues" dxfId="103" priority="112"/>
    <cfRule type="duplicateValues" dxfId="102" priority="111"/>
    <cfRule type="duplicateValues" dxfId="101" priority="110"/>
  </conditionalFormatting>
  <conditionalFormatting sqref="B904:B905">
    <cfRule type="duplicateValues" dxfId="100" priority="100"/>
    <cfRule type="duplicateValues" dxfId="99" priority="99"/>
    <cfRule type="duplicateValues" dxfId="98" priority="98"/>
    <cfRule type="duplicateValues" dxfId="97" priority="97"/>
    <cfRule type="duplicateValues" dxfId="96" priority="96"/>
    <cfRule type="duplicateValues" dxfId="95" priority="95"/>
    <cfRule type="duplicateValues" dxfId="94" priority="94"/>
  </conditionalFormatting>
  <conditionalFormatting sqref="B912">
    <cfRule type="duplicateValues" dxfId="93" priority="205"/>
    <cfRule type="duplicateValues" dxfId="92" priority="206"/>
    <cfRule type="duplicateValues" dxfId="91" priority="211"/>
    <cfRule type="duplicateValues" dxfId="90" priority="210"/>
    <cfRule type="duplicateValues" dxfId="89" priority="209"/>
    <cfRule type="duplicateValues" dxfId="88" priority="208"/>
    <cfRule type="duplicateValues" dxfId="87" priority="207"/>
  </conditionalFormatting>
  <conditionalFormatting sqref="B913">
    <cfRule type="duplicateValues" dxfId="86" priority="103"/>
    <cfRule type="duplicateValues" dxfId="85" priority="101"/>
    <cfRule type="duplicateValues" dxfId="84" priority="102"/>
    <cfRule type="duplicateValues" dxfId="83" priority="107"/>
    <cfRule type="duplicateValues" dxfId="82" priority="106"/>
    <cfRule type="duplicateValues" dxfId="81" priority="105"/>
    <cfRule type="duplicateValues" dxfId="80" priority="104"/>
  </conditionalFormatting>
  <conditionalFormatting sqref="B914:B915">
    <cfRule type="duplicateValues" dxfId="79" priority="89"/>
    <cfRule type="duplicateValues" dxfId="78" priority="88"/>
    <cfRule type="duplicateValues" dxfId="77" priority="87"/>
    <cfRule type="duplicateValues" dxfId="76" priority="90"/>
    <cfRule type="duplicateValues" dxfId="75" priority="91"/>
    <cfRule type="duplicateValues" dxfId="74" priority="92"/>
    <cfRule type="duplicateValues" dxfId="73" priority="93"/>
  </conditionalFormatting>
  <conditionalFormatting sqref="B945:B946">
    <cfRule type="duplicateValues" dxfId="72" priority="222" stopIfTrue="1"/>
  </conditionalFormatting>
  <conditionalFormatting sqref="B954">
    <cfRule type="duplicateValues" dxfId="71" priority="5"/>
  </conditionalFormatting>
  <conditionalFormatting sqref="B978">
    <cfRule type="duplicateValues" dxfId="70" priority="4"/>
  </conditionalFormatting>
  <conditionalFormatting sqref="B1002">
    <cfRule type="duplicateValues" dxfId="69" priority="3"/>
  </conditionalFormatting>
  <conditionalFormatting sqref="B1025">
    <cfRule type="duplicateValues" dxfId="68" priority="2" stopIfTrue="1"/>
    <cfRule type="duplicateValues" dxfId="67" priority="1"/>
  </conditionalFormatting>
  <conditionalFormatting sqref="B1040">
    <cfRule type="duplicateValues" dxfId="66" priority="164"/>
    <cfRule type="duplicateValues" dxfId="65" priority="163"/>
    <cfRule type="duplicateValues" dxfId="64" priority="162"/>
    <cfRule type="duplicateValues" dxfId="63" priority="160"/>
    <cfRule type="duplicateValues" dxfId="62" priority="159"/>
    <cfRule type="duplicateValues" dxfId="61" priority="161"/>
    <cfRule type="duplicateValues" dxfId="60" priority="165"/>
  </conditionalFormatting>
  <conditionalFormatting sqref="B1080">
    <cfRule type="duplicateValues" dxfId="59" priority="156"/>
    <cfRule type="duplicateValues" dxfId="58" priority="157"/>
    <cfRule type="duplicateValues" dxfId="57" priority="158"/>
  </conditionalFormatting>
  <conditionalFormatting sqref="B1099:B1100">
    <cfRule type="duplicateValues" dxfId="56" priority="153"/>
    <cfRule type="duplicateValues" dxfId="55" priority="154"/>
    <cfRule type="duplicateValues" dxfId="54" priority="155"/>
  </conditionalFormatting>
  <conditionalFormatting sqref="B1120">
    <cfRule type="duplicateValues" dxfId="53" priority="272" stopIfTrue="1"/>
    <cfRule type="duplicateValues" dxfId="52" priority="271" stopIfTrue="1"/>
    <cfRule type="duplicateValues" dxfId="51" priority="273" stopIfTrue="1"/>
  </conditionalFormatting>
  <conditionalFormatting sqref="B1171">
    <cfRule type="duplicateValues" dxfId="50" priority="268" stopIfTrue="1"/>
    <cfRule type="duplicateValues" dxfId="49" priority="269" stopIfTrue="1"/>
    <cfRule type="duplicateValues" dxfId="48" priority="270" stopIfTrue="1"/>
  </conditionalFormatting>
  <conditionalFormatting sqref="B1181">
    <cfRule type="duplicateValues" dxfId="47" priority="38"/>
  </conditionalFormatting>
  <conditionalFormatting sqref="B1194">
    <cfRule type="duplicateValues" dxfId="46" priority="150"/>
    <cfRule type="duplicateValues" dxfId="45" priority="151"/>
    <cfRule type="duplicateValues" dxfId="44" priority="149"/>
    <cfRule type="duplicateValues" dxfId="43" priority="152"/>
    <cfRule type="duplicateValues" dxfId="42" priority="148"/>
    <cfRule type="duplicateValues" dxfId="41" priority="147"/>
    <cfRule type="duplicateValues" dxfId="40" priority="146"/>
  </conditionalFormatting>
  <conditionalFormatting sqref="B1195">
    <cfRule type="duplicateValues" dxfId="39" priority="37"/>
  </conditionalFormatting>
  <conditionalFormatting sqref="B1206">
    <cfRule type="duplicateValues" dxfId="38" priority="320" stopIfTrue="1"/>
    <cfRule type="duplicateValues" dxfId="37" priority="321" stopIfTrue="1"/>
    <cfRule type="duplicateValues" dxfId="36" priority="322" stopIfTrue="1"/>
  </conditionalFormatting>
  <conditionalFormatting sqref="B1207">
    <cfRule type="duplicateValues" dxfId="35" priority="145"/>
    <cfRule type="duplicateValues" dxfId="34" priority="143"/>
    <cfRule type="duplicateValues" dxfId="33" priority="140"/>
    <cfRule type="duplicateValues" dxfId="32" priority="139"/>
    <cfRule type="duplicateValues" dxfId="31" priority="144"/>
    <cfRule type="duplicateValues" dxfId="30" priority="142"/>
    <cfRule type="duplicateValues" dxfId="29" priority="141"/>
  </conditionalFormatting>
  <conditionalFormatting sqref="B1209">
    <cfRule type="duplicateValues" dxfId="28" priority="36"/>
  </conditionalFormatting>
  <conditionalFormatting sqref="B1221">
    <cfRule type="duplicateValues" dxfId="27" priority="133"/>
    <cfRule type="duplicateValues" dxfId="26" priority="134"/>
    <cfRule type="duplicateValues" dxfId="25" priority="135"/>
    <cfRule type="duplicateValues" dxfId="24" priority="136"/>
    <cfRule type="duplicateValues" dxfId="23" priority="137"/>
    <cfRule type="duplicateValues" dxfId="22" priority="138"/>
    <cfRule type="duplicateValues" dxfId="21" priority="132"/>
  </conditionalFormatting>
  <conditionalFormatting sqref="B1223">
    <cfRule type="duplicateValues" dxfId="20" priority="35"/>
  </conditionalFormatting>
  <conditionalFormatting sqref="B1225">
    <cfRule type="duplicateValues" dxfId="19" priority="267" stopIfTrue="1"/>
    <cfRule type="duplicateValues" dxfId="18" priority="266" stopIfTrue="1"/>
    <cfRule type="duplicateValues" dxfId="17" priority="265" stopIfTrue="1"/>
  </conditionalFormatting>
  <conditionalFormatting sqref="B1235">
    <cfRule type="duplicateValues" dxfId="16" priority="131"/>
    <cfRule type="duplicateValues" dxfId="15" priority="129"/>
    <cfRule type="duplicateValues" dxfId="14" priority="130"/>
  </conditionalFormatting>
  <conditionalFormatting sqref="B1236">
    <cfRule type="duplicateValues" dxfId="13" priority="34"/>
  </conditionalFormatting>
  <conditionalFormatting sqref="B1277:B1278">
    <cfRule type="duplicateValues" dxfId="12" priority="192"/>
    <cfRule type="duplicateValues" dxfId="11" priority="194"/>
    <cfRule type="duplicateValues" dxfId="10" priority="193"/>
  </conditionalFormatting>
  <conditionalFormatting sqref="B1319">
    <cfRule type="duplicateValues" dxfId="9" priority="39"/>
  </conditionalFormatting>
  <conditionalFormatting sqref="B1320">
    <cfRule type="duplicateValues" dxfId="8" priority="6"/>
  </conditionalFormatting>
  <conditionalFormatting sqref="B1321:B1327 B1249:B1256 B955: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4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7" priority="1027" stopIfTrue="1"/>
  </conditionalFormatting>
  <conditionalFormatting sqref="B1321:B1327 B1249:B1256 B956:B968 B288:B295 B1:B4 B8: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6" priority="1120" stopIfTrue="1"/>
  </conditionalFormatting>
  <conditionalFormatting sqref="B1321:B1327 B1249:B1256 B956: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5" priority="1213" stopIfTrue="1"/>
  </conditionalFormatting>
  <conditionalFormatting sqref="B1328:B1329">
    <cfRule type="duplicateValues" dxfId="4" priority="221" stopIfTrue="1"/>
    <cfRule type="duplicateValues" dxfId="3" priority="220" stopIfTrue="1"/>
    <cfRule type="duplicateValues" dxfId="2" priority="219" stopIfTrue="1"/>
  </conditionalFormatting>
  <conditionalFormatting sqref="B1332">
    <cfRule type="duplicateValues" dxfId="1" priority="59"/>
  </conditionalFormatting>
  <conditionalFormatting sqref="B1333:B1048576 B619:B632 B1:B32 B297:B299 B301:B303 B305:B308 B634:B647 B649:B700 B473:B617 B829:B840 B843:B953 B815:B826 B310:B317 B319:B460 B1321:B1331 B1182:B1194 B1196:B1208 B1210:B1222 B1224:B1235 B1136:B1150 B1152:B1168 B1170:B1180 B34:B48 B50:B64 B66:B80 B82:B193 B702:B703 B705:B706 B709:B710 B713:B813 B195:B207 B209:B221 B223:B295 B955:B977 B979:B1001 B1003:B1024 B1026:B1134 B1237:B1318">
    <cfRule type="duplicateValues" dxfId="0" priority="72"/>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6-06-23T05:27:46Z</dcterms:modified>
</cp:coreProperties>
</file>